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-75" yWindow="-165" windowWidth="8430" windowHeight="8235"/>
  </bookViews>
  <sheets>
    <sheet name="5(2)" sheetId="5" r:id="rId1"/>
  </sheets>
  <definedNames>
    <definedName name="_xlnm.Print_Area" localSheetId="0">'5(2)'!$A$1:$R$117</definedName>
  </definedNames>
  <calcPr calcId="162913"/>
</workbook>
</file>

<file path=xl/sharedStrings.xml><?xml version="1.0" encoding="utf-8"?>
<sst xmlns="http://schemas.openxmlformats.org/spreadsheetml/2006/main" count="311" uniqueCount="44">
  <si>
    <t>育成単層林</t>
    <rPh sb="0" eb="2">
      <t>イクセイ</t>
    </rPh>
    <rPh sb="2" eb="5">
      <t>タンソウリン</t>
    </rPh>
    <phoneticPr fontId="2"/>
  </si>
  <si>
    <t>育成複層林</t>
    <rPh sb="0" eb="2">
      <t>イクセイ</t>
    </rPh>
    <rPh sb="2" eb="5">
      <t>フクソウリン</t>
    </rPh>
    <phoneticPr fontId="2"/>
  </si>
  <si>
    <t>天然生林</t>
    <rPh sb="0" eb="4">
      <t>テンネンセイリン</t>
    </rPh>
    <phoneticPr fontId="2"/>
  </si>
  <si>
    <t>伐採跡地</t>
    <rPh sb="0" eb="2">
      <t>バッサイ</t>
    </rPh>
    <rPh sb="2" eb="4">
      <t>アトチ</t>
    </rPh>
    <phoneticPr fontId="2"/>
  </si>
  <si>
    <t>計</t>
    <rPh sb="0" eb="1">
      <t>ケイ</t>
    </rPh>
    <phoneticPr fontId="2"/>
  </si>
  <si>
    <t>斐伊川</t>
    <rPh sb="0" eb="3">
      <t>ヒイカワ</t>
    </rPh>
    <phoneticPr fontId="2"/>
  </si>
  <si>
    <t>隠岐</t>
    <rPh sb="0" eb="2">
      <t>オキ</t>
    </rPh>
    <phoneticPr fontId="2"/>
  </si>
  <si>
    <t>市町村</t>
    <rPh sb="0" eb="3">
      <t>シチョウソン</t>
    </rPh>
    <phoneticPr fontId="2"/>
  </si>
  <si>
    <t>管内計</t>
    <rPh sb="0" eb="2">
      <t>カンナイ</t>
    </rPh>
    <rPh sb="2" eb="3">
      <t>ケイ</t>
    </rPh>
    <phoneticPr fontId="2"/>
  </si>
  <si>
    <t>江の川下流</t>
    <rPh sb="0" eb="1">
      <t>ゴウ</t>
    </rPh>
    <rPh sb="2" eb="3">
      <t>カワ</t>
    </rPh>
    <rPh sb="3" eb="5">
      <t>カリュウ</t>
    </rPh>
    <phoneticPr fontId="2"/>
  </si>
  <si>
    <t>川本町</t>
    <rPh sb="0" eb="2">
      <t>カワモト</t>
    </rPh>
    <rPh sb="2" eb="3">
      <t>チョウ</t>
    </rPh>
    <phoneticPr fontId="2"/>
  </si>
  <si>
    <t>美郷町</t>
    <rPh sb="0" eb="3">
      <t>ミサトチョウ</t>
    </rPh>
    <phoneticPr fontId="2"/>
  </si>
  <si>
    <t>邑南町</t>
    <rPh sb="0" eb="1">
      <t>オウ</t>
    </rPh>
    <rPh sb="1" eb="3">
      <t>ナンチョウ</t>
    </rPh>
    <phoneticPr fontId="2"/>
  </si>
  <si>
    <t>大田市</t>
    <rPh sb="0" eb="3">
      <t>オオダシ</t>
    </rPh>
    <phoneticPr fontId="2"/>
  </si>
  <si>
    <t>浜田市</t>
    <rPh sb="0" eb="3">
      <t>ハマダシ</t>
    </rPh>
    <phoneticPr fontId="2"/>
  </si>
  <si>
    <t>江津市</t>
    <rPh sb="0" eb="3">
      <t>ゴウツシ</t>
    </rPh>
    <phoneticPr fontId="2"/>
  </si>
  <si>
    <t>松江市</t>
    <rPh sb="0" eb="3">
      <t>マツエシ</t>
    </rPh>
    <phoneticPr fontId="2"/>
  </si>
  <si>
    <t>雲南市</t>
    <rPh sb="0" eb="2">
      <t>ウンナン</t>
    </rPh>
    <rPh sb="2" eb="3">
      <t>シ</t>
    </rPh>
    <phoneticPr fontId="2"/>
  </si>
  <si>
    <t>奥出雲町</t>
    <rPh sb="0" eb="1">
      <t>オク</t>
    </rPh>
    <rPh sb="1" eb="4">
      <t>イズモチョウ</t>
    </rPh>
    <phoneticPr fontId="2"/>
  </si>
  <si>
    <t>飯南町</t>
    <rPh sb="0" eb="3">
      <t>イイナンチョウ</t>
    </rPh>
    <phoneticPr fontId="2"/>
  </si>
  <si>
    <t>出雲市</t>
    <rPh sb="0" eb="3">
      <t>イズモシ</t>
    </rPh>
    <phoneticPr fontId="2"/>
  </si>
  <si>
    <t>隠岐の島町</t>
    <rPh sb="0" eb="2">
      <t>オキ</t>
    </rPh>
    <rPh sb="3" eb="4">
      <t>シマ</t>
    </rPh>
    <rPh sb="4" eb="5">
      <t>チョウ</t>
    </rPh>
    <phoneticPr fontId="2"/>
  </si>
  <si>
    <t>益田市</t>
    <rPh sb="0" eb="3">
      <t>マスダシ</t>
    </rPh>
    <phoneticPr fontId="2"/>
  </si>
  <si>
    <t>津和野町</t>
    <rPh sb="0" eb="4">
      <t>ツワノチョウ</t>
    </rPh>
    <phoneticPr fontId="2"/>
  </si>
  <si>
    <t>吉賀町</t>
    <rPh sb="0" eb="2">
      <t>ヨシガ</t>
    </rPh>
    <rPh sb="2" eb="3">
      <t>チョウ</t>
    </rPh>
    <phoneticPr fontId="2"/>
  </si>
  <si>
    <t>国有官公別</t>
    <rPh sb="0" eb="2">
      <t>コクユウ</t>
    </rPh>
    <rPh sb="2" eb="4">
      <t>カンコウ</t>
    </rPh>
    <rPh sb="4" eb="5">
      <t>ベツ</t>
    </rPh>
    <phoneticPr fontId="2"/>
  </si>
  <si>
    <t>国有林</t>
    <rPh sb="0" eb="2">
      <t>コクユウ</t>
    </rPh>
    <rPh sb="2" eb="3">
      <t>リン</t>
    </rPh>
    <phoneticPr fontId="2"/>
  </si>
  <si>
    <t>官行造林</t>
    <rPh sb="0" eb="2">
      <t>カンコウ</t>
    </rPh>
    <rPh sb="2" eb="4">
      <t>ゾウリン</t>
    </rPh>
    <phoneticPr fontId="2"/>
  </si>
  <si>
    <t>高津川</t>
    <rPh sb="0" eb="2">
      <t>タカツ</t>
    </rPh>
    <rPh sb="2" eb="3">
      <t>ガワ</t>
    </rPh>
    <phoneticPr fontId="2"/>
  </si>
  <si>
    <t>安来市</t>
    <rPh sb="0" eb="3">
      <t>ヤスギシ</t>
    </rPh>
    <phoneticPr fontId="2"/>
  </si>
  <si>
    <t>海士町</t>
    <rPh sb="0" eb="3">
      <t>アマチョウ</t>
    </rPh>
    <phoneticPr fontId="2"/>
  </si>
  <si>
    <t>知夫村</t>
    <rPh sb="0" eb="3">
      <t>チブムラ</t>
    </rPh>
    <phoneticPr fontId="2"/>
  </si>
  <si>
    <t>西ノ島町</t>
    <rPh sb="0" eb="1">
      <t>ニシ</t>
    </rPh>
    <rPh sb="2" eb="4">
      <t>シマチョウ</t>
    </rPh>
    <phoneticPr fontId="2"/>
  </si>
  <si>
    <t>面積計</t>
    <rPh sb="0" eb="2">
      <t>メンセキ</t>
    </rPh>
    <rPh sb="2" eb="3">
      <t>ケイ</t>
    </rPh>
    <phoneticPr fontId="2"/>
  </si>
  <si>
    <t>計画区</t>
    <phoneticPr fontId="2"/>
  </si>
  <si>
    <t>邑南町</t>
    <rPh sb="0" eb="3">
      <t>オオナンチョウ</t>
    </rPh>
    <phoneticPr fontId="2"/>
  </si>
  <si>
    <t>隠岐の島町</t>
    <rPh sb="0" eb="2">
      <t>オキ</t>
    </rPh>
    <rPh sb="3" eb="5">
      <t>シマチョウ</t>
    </rPh>
    <phoneticPr fontId="2"/>
  </si>
  <si>
    <t>吉賀町</t>
    <rPh sb="0" eb="3">
      <t>ヨシガチョウ</t>
    </rPh>
    <phoneticPr fontId="2"/>
  </si>
  <si>
    <t>人工林</t>
    <rPh sb="0" eb="1">
      <t>ヒト</t>
    </rPh>
    <rPh sb="1" eb="2">
      <t>タクミ</t>
    </rPh>
    <rPh sb="2" eb="3">
      <t>ハヤシ</t>
    </rPh>
    <phoneticPr fontId="2"/>
  </si>
  <si>
    <t>天然林</t>
    <rPh sb="0" eb="1">
      <t>テン</t>
    </rPh>
    <rPh sb="1" eb="2">
      <t>ゼン</t>
    </rPh>
    <rPh sb="2" eb="3">
      <t>ハヤシ</t>
    </rPh>
    <phoneticPr fontId="2"/>
  </si>
  <si>
    <t>面積</t>
    <rPh sb="0" eb="1">
      <t>メン</t>
    </rPh>
    <rPh sb="1" eb="2">
      <t>セキ</t>
    </rPh>
    <phoneticPr fontId="2"/>
  </si>
  <si>
    <t>蓄積</t>
    <rPh sb="0" eb="1">
      <t>チク</t>
    </rPh>
    <rPh sb="1" eb="2">
      <t>セキ</t>
    </rPh>
    <phoneticPr fontId="2"/>
  </si>
  <si>
    <t>無立木地</t>
    <rPh sb="0" eb="4">
      <t>ムリュウボクチ</t>
    </rPh>
    <phoneticPr fontId="2"/>
  </si>
  <si>
    <t>林地以外の 土地</t>
    <rPh sb="0" eb="2">
      <t>リンチ</t>
    </rPh>
    <rPh sb="2" eb="4">
      <t>イガイ</t>
    </rPh>
    <rPh sb="6" eb="7">
      <t>ツチ</t>
    </rPh>
    <rPh sb="7" eb="8">
      <t>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81" formatCode="0_ 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  <font>
      <sz val="18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ashed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7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Fill="1"/>
    <xf numFmtId="0" fontId="5" fillId="0" borderId="0" xfId="0" applyFont="1" applyFill="1"/>
    <xf numFmtId="0" fontId="4" fillId="0" borderId="1" xfId="0" applyFont="1" applyFill="1" applyBorder="1" applyAlignment="1">
      <alignment horizontal="center"/>
    </xf>
    <xf numFmtId="0" fontId="4" fillId="0" borderId="0" xfId="0" applyFont="1" applyFill="1" applyAlignment="1">
      <alignment horizontal="center"/>
    </xf>
    <xf numFmtId="0" fontId="4" fillId="0" borderId="2" xfId="0" applyFont="1" applyFill="1" applyBorder="1" applyAlignment="1">
      <alignment horizontal="center"/>
    </xf>
    <xf numFmtId="0" fontId="4" fillId="0" borderId="3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 vertical="center" textRotation="255"/>
    </xf>
    <xf numFmtId="0" fontId="4" fillId="0" borderId="0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Alignment="1">
      <alignment vertical="center"/>
    </xf>
    <xf numFmtId="0" fontId="6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41" fontId="4" fillId="0" borderId="0" xfId="0" applyNumberFormat="1" applyFont="1" applyFill="1"/>
    <xf numFmtId="41" fontId="5" fillId="0" borderId="0" xfId="0" applyNumberFormat="1" applyFont="1" applyFill="1"/>
    <xf numFmtId="41" fontId="4" fillId="0" borderId="0" xfId="0" applyNumberFormat="1" applyFont="1" applyFill="1" applyAlignment="1">
      <alignment horizontal="right"/>
    </xf>
    <xf numFmtId="41" fontId="4" fillId="0" borderId="2" xfId="1" applyNumberFormat="1" applyFont="1" applyFill="1" applyBorder="1"/>
    <xf numFmtId="41" fontId="4" fillId="0" borderId="3" xfId="1" applyNumberFormat="1" applyFont="1" applyFill="1" applyBorder="1"/>
    <xf numFmtId="41" fontId="4" fillId="0" borderId="1" xfId="1" applyNumberFormat="1" applyFont="1" applyFill="1" applyBorder="1"/>
    <xf numFmtId="41" fontId="4" fillId="0" borderId="0" xfId="1" applyNumberFormat="1" applyFont="1" applyFill="1" applyBorder="1"/>
    <xf numFmtId="41" fontId="4" fillId="0" borderId="0" xfId="1" applyNumberFormat="1" applyFont="1" applyFill="1" applyBorder="1" applyAlignment="1">
      <alignment vertical="center"/>
    </xf>
    <xf numFmtId="0" fontId="8" fillId="0" borderId="0" xfId="0" applyFont="1" applyAlignment="1">
      <alignment vertical="center"/>
    </xf>
    <xf numFmtId="41" fontId="8" fillId="0" borderId="0" xfId="0" applyNumberFormat="1" applyFont="1" applyAlignment="1">
      <alignment vertical="center"/>
    </xf>
    <xf numFmtId="49" fontId="8" fillId="0" borderId="0" xfId="0" applyNumberFormat="1" applyFont="1" applyAlignment="1">
      <alignment vertical="center"/>
    </xf>
    <xf numFmtId="0" fontId="5" fillId="0" borderId="0" xfId="0" applyFont="1" applyFill="1" applyAlignment="1">
      <alignment vertical="center"/>
    </xf>
    <xf numFmtId="0" fontId="4" fillId="0" borderId="4" xfId="0" applyFont="1" applyFill="1" applyBorder="1" applyAlignment="1">
      <alignment horizontal="center"/>
    </xf>
    <xf numFmtId="41" fontId="4" fillId="0" borderId="4" xfId="1" applyNumberFormat="1" applyFont="1" applyFill="1" applyBorder="1"/>
    <xf numFmtId="0" fontId="4" fillId="0" borderId="2" xfId="0" applyFont="1" applyFill="1" applyBorder="1" applyAlignment="1">
      <alignment horizontal="center" vertical="center" textRotation="255"/>
    </xf>
    <xf numFmtId="0" fontId="4" fillId="0" borderId="3" xfId="0" applyFont="1" applyFill="1" applyBorder="1" applyAlignment="1">
      <alignment horizontal="center" vertical="center" textRotation="255"/>
    </xf>
    <xf numFmtId="0" fontId="4" fillId="0" borderId="5" xfId="0" applyFont="1" applyFill="1" applyBorder="1" applyAlignment="1">
      <alignment horizontal="center" vertical="center" textRotation="255"/>
    </xf>
    <xf numFmtId="0" fontId="4" fillId="0" borderId="6" xfId="0" applyFont="1" applyFill="1" applyBorder="1" applyAlignment="1">
      <alignment horizontal="center" vertical="center" textRotation="255"/>
    </xf>
    <xf numFmtId="0" fontId="4" fillId="0" borderId="7" xfId="0" applyFont="1" applyFill="1" applyBorder="1" applyAlignment="1">
      <alignment horizontal="center"/>
    </xf>
    <xf numFmtId="41" fontId="4" fillId="0" borderId="7" xfId="1" applyNumberFormat="1" applyFont="1" applyFill="1" applyBorder="1"/>
    <xf numFmtId="0" fontId="4" fillId="0" borderId="8" xfId="0" applyFont="1" applyFill="1" applyBorder="1" applyAlignment="1">
      <alignment horizontal="center"/>
    </xf>
    <xf numFmtId="41" fontId="4" fillId="0" borderId="8" xfId="1" applyNumberFormat="1" applyFont="1" applyFill="1" applyBorder="1"/>
    <xf numFmtId="0" fontId="4" fillId="0" borderId="9" xfId="0" applyFont="1" applyFill="1" applyBorder="1" applyAlignment="1">
      <alignment horizontal="center"/>
    </xf>
    <xf numFmtId="41" fontId="4" fillId="0" borderId="9" xfId="1" applyNumberFormat="1" applyFont="1" applyFill="1" applyBorder="1"/>
    <xf numFmtId="0" fontId="3" fillId="0" borderId="1" xfId="0" applyFont="1" applyBorder="1" applyAlignment="1">
      <alignment vertical="center" shrinkToFit="1"/>
    </xf>
    <xf numFmtId="0" fontId="4" fillId="0" borderId="10" xfId="0" applyFont="1" applyFill="1" applyBorder="1"/>
    <xf numFmtId="0" fontId="4" fillId="0" borderId="11" xfId="0" applyFont="1" applyFill="1" applyBorder="1" applyAlignment="1">
      <alignment vertical="center"/>
    </xf>
    <xf numFmtId="0" fontId="4" fillId="0" borderId="12" xfId="0" applyFont="1" applyFill="1" applyBorder="1" applyAlignment="1">
      <alignment vertical="center"/>
    </xf>
    <xf numFmtId="0" fontId="4" fillId="0" borderId="5" xfId="0" applyFont="1" applyFill="1" applyBorder="1" applyAlignment="1">
      <alignment vertical="center"/>
    </xf>
    <xf numFmtId="0" fontId="4" fillId="0" borderId="13" xfId="0" applyFont="1" applyFill="1" applyBorder="1" applyAlignment="1">
      <alignment vertical="center"/>
    </xf>
    <xf numFmtId="0" fontId="4" fillId="0" borderId="6" xfId="0" applyFont="1" applyFill="1" applyBorder="1" applyAlignment="1">
      <alignment vertical="center"/>
    </xf>
    <xf numFmtId="0" fontId="4" fillId="0" borderId="14" xfId="0" applyFont="1" applyFill="1" applyBorder="1" applyAlignment="1">
      <alignment vertical="center"/>
    </xf>
    <xf numFmtId="0" fontId="4" fillId="0" borderId="5" xfId="0" applyFont="1" applyFill="1" applyBorder="1" applyAlignment="1">
      <alignment vertical="center" textRotation="255"/>
    </xf>
    <xf numFmtId="0" fontId="4" fillId="0" borderId="6" xfId="0" applyFont="1" applyFill="1" applyBorder="1" applyAlignment="1">
      <alignment vertical="center" textRotation="255"/>
    </xf>
    <xf numFmtId="0" fontId="4" fillId="0" borderId="2" xfId="0" applyFont="1" applyFill="1" applyBorder="1" applyAlignment="1">
      <alignment vertical="center"/>
    </xf>
    <xf numFmtId="0" fontId="4" fillId="0" borderId="3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4" fillId="0" borderId="8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/>
    </xf>
    <xf numFmtId="0" fontId="4" fillId="0" borderId="15" xfId="0" applyFont="1" applyFill="1" applyBorder="1" applyAlignment="1">
      <alignment vertical="center"/>
    </xf>
    <xf numFmtId="0" fontId="3" fillId="0" borderId="16" xfId="0" applyFont="1" applyBorder="1" applyAlignment="1">
      <alignment vertical="center" shrinkToFit="1"/>
    </xf>
    <xf numFmtId="0" fontId="4" fillId="0" borderId="0" xfId="0" applyFont="1" applyFill="1" applyBorder="1" applyAlignment="1">
      <alignment vertical="center" wrapText="1"/>
    </xf>
    <xf numFmtId="0" fontId="4" fillId="0" borderId="10" xfId="0" applyFont="1" applyFill="1" applyBorder="1" applyAlignment="1">
      <alignment vertical="center" wrapText="1"/>
    </xf>
    <xf numFmtId="0" fontId="4" fillId="0" borderId="17" xfId="0" applyFont="1" applyFill="1" applyBorder="1" applyAlignment="1">
      <alignment vertical="center" wrapText="1"/>
    </xf>
    <xf numFmtId="0" fontId="3" fillId="0" borderId="16" xfId="0" applyFont="1" applyBorder="1" applyAlignment="1">
      <alignment horizontal="center" vertical="center" shrinkToFit="1"/>
    </xf>
    <xf numFmtId="0" fontId="4" fillId="0" borderId="18" xfId="0" applyFont="1" applyFill="1" applyBorder="1" applyAlignment="1">
      <alignment vertical="center"/>
    </xf>
    <xf numFmtId="0" fontId="4" fillId="0" borderId="19" xfId="0" applyFont="1" applyFill="1" applyBorder="1" applyAlignment="1">
      <alignment vertical="center"/>
    </xf>
    <xf numFmtId="0" fontId="4" fillId="0" borderId="20" xfId="0" applyFont="1" applyFill="1" applyBorder="1" applyAlignment="1">
      <alignment vertical="center"/>
    </xf>
    <xf numFmtId="0" fontId="4" fillId="0" borderId="21" xfId="0" applyFont="1" applyFill="1" applyBorder="1" applyAlignment="1">
      <alignment vertical="center"/>
    </xf>
    <xf numFmtId="0" fontId="8" fillId="0" borderId="0" xfId="0" applyFont="1" applyBorder="1" applyAlignment="1">
      <alignment vertical="center"/>
    </xf>
    <xf numFmtId="49" fontId="8" fillId="0" borderId="0" xfId="0" applyNumberFormat="1" applyFont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181" fontId="4" fillId="0" borderId="2" xfId="1" applyNumberFormat="1" applyFont="1" applyFill="1" applyBorder="1"/>
    <xf numFmtId="181" fontId="4" fillId="0" borderId="3" xfId="1" applyNumberFormat="1" applyFont="1" applyFill="1" applyBorder="1"/>
    <xf numFmtId="181" fontId="4" fillId="0" borderId="7" xfId="1" applyNumberFormat="1" applyFont="1" applyFill="1" applyBorder="1"/>
    <xf numFmtId="181" fontId="4" fillId="0" borderId="8" xfId="1" applyNumberFormat="1" applyFont="1" applyFill="1" applyBorder="1"/>
    <xf numFmtId="181" fontId="4" fillId="0" borderId="4" xfId="1" applyNumberFormat="1" applyFont="1" applyFill="1" applyBorder="1"/>
    <xf numFmtId="181" fontId="4" fillId="0" borderId="9" xfId="1" applyNumberFormat="1" applyFont="1" applyFill="1" applyBorder="1"/>
    <xf numFmtId="181" fontId="4" fillId="0" borderId="1" xfId="1" applyNumberFormat="1" applyFont="1" applyFill="1" applyBorder="1"/>
    <xf numFmtId="181" fontId="4" fillId="0" borderId="0" xfId="1" applyNumberFormat="1" applyFont="1" applyFill="1" applyBorder="1"/>
    <xf numFmtId="181" fontId="8" fillId="0" borderId="0" xfId="0" applyNumberFormat="1" applyFont="1" applyAlignment="1">
      <alignment vertical="center"/>
    </xf>
    <xf numFmtId="41" fontId="4" fillId="0" borderId="2" xfId="0" applyNumberFormat="1" applyFont="1" applyFill="1" applyBorder="1" applyAlignment="1">
      <alignment vertical="center"/>
    </xf>
    <xf numFmtId="41" fontId="4" fillId="0" borderId="3" xfId="0" applyNumberFormat="1" applyFont="1" applyFill="1" applyBorder="1" applyAlignment="1">
      <alignment vertical="center"/>
    </xf>
    <xf numFmtId="41" fontId="4" fillId="0" borderId="1" xfId="0" applyNumberFormat="1" applyFont="1" applyFill="1" applyBorder="1" applyAlignment="1">
      <alignment vertical="center"/>
    </xf>
    <xf numFmtId="41" fontId="8" fillId="0" borderId="22" xfId="0" applyNumberFormat="1" applyFont="1" applyBorder="1" applyAlignment="1">
      <alignment vertical="center"/>
    </xf>
    <xf numFmtId="41" fontId="8" fillId="0" borderId="16" xfId="0" applyNumberFormat="1" applyFont="1" applyBorder="1" applyAlignment="1">
      <alignment horizontal="center" vertical="center"/>
    </xf>
    <xf numFmtId="41" fontId="8" fillId="0" borderId="2" xfId="0" applyNumberFormat="1" applyFont="1" applyBorder="1" applyAlignment="1">
      <alignment vertical="center"/>
    </xf>
    <xf numFmtId="41" fontId="8" fillId="0" borderId="2" xfId="0" applyNumberFormat="1" applyFont="1" applyBorder="1" applyAlignment="1">
      <alignment vertical="center" wrapText="1"/>
    </xf>
    <xf numFmtId="41" fontId="8" fillId="0" borderId="1" xfId="0" applyNumberFormat="1" applyFont="1" applyBorder="1" applyAlignment="1">
      <alignment vertical="center"/>
    </xf>
    <xf numFmtId="41" fontId="8" fillId="0" borderId="16" xfId="0" applyNumberFormat="1" applyFont="1" applyBorder="1" applyAlignment="1">
      <alignment vertical="center"/>
    </xf>
    <xf numFmtId="0" fontId="4" fillId="0" borderId="5" xfId="0" applyFont="1" applyFill="1" applyBorder="1" applyAlignment="1">
      <alignment horizontal="center" vertical="center" textRotation="255"/>
    </xf>
    <xf numFmtId="0" fontId="4" fillId="0" borderId="6" xfId="0" applyFont="1" applyFill="1" applyBorder="1" applyAlignment="1">
      <alignment horizontal="center"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757964</xdr:colOff>
      <xdr:row>90</xdr:row>
      <xdr:rowOff>111189</xdr:rowOff>
    </xdr:from>
    <xdr:to>
      <xdr:col>17</xdr:col>
      <xdr:colOff>273061</xdr:colOff>
      <xdr:row>91</xdr:row>
      <xdr:rowOff>17907</xdr:rowOff>
    </xdr:to>
    <xdr:sp macro="" textlink="">
      <xdr:nvSpPr>
        <xdr:cNvPr id="1026" name="Text Box 2"/>
        <xdr:cNvSpPr txBox="1">
          <a:spLocks noChangeArrowheads="1"/>
        </xdr:cNvSpPr>
      </xdr:nvSpPr>
      <xdr:spPr bwMode="auto">
        <a:xfrm>
          <a:off x="12292739" y="18618264"/>
          <a:ext cx="2315447" cy="17341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t" upright="1"/>
        <a:lstStyle/>
        <a:p>
          <a:pPr algn="ctr" rtl="0">
            <a:defRPr sz="1000"/>
          </a:pPr>
          <a:endParaRPr lang="ja-JP" altLang="en-US" sz="1000">
            <a:latin typeface="ＭＳ 明朝" pitchFamily="17" charset="-128"/>
            <a:ea typeface="ＭＳ 明朝" pitchFamily="17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R116"/>
  <sheetViews>
    <sheetView tabSelected="1" zoomScaleNormal="100" zoomScaleSheetLayoutView="106" workbookViewId="0">
      <selection activeCell="A2" sqref="A2"/>
    </sheetView>
  </sheetViews>
  <sheetFormatPr defaultRowHeight="13.5" x14ac:dyDescent="0.15"/>
  <cols>
    <col min="1" max="1" width="4.75" style="2" customWidth="1"/>
    <col min="2" max="2" width="9.625" style="2" hidden="1" customWidth="1"/>
    <col min="3" max="3" width="10.25" style="12" customWidth="1"/>
    <col min="4" max="4" width="11" style="2" bestFit="1" customWidth="1"/>
    <col min="5" max="6" width="12.25" style="15" customWidth="1"/>
    <col min="7" max="7" width="14.25" style="15" bestFit="1" customWidth="1"/>
    <col min="8" max="18" width="12.25" style="15" customWidth="1"/>
    <col min="19" max="16384" width="9" style="2"/>
  </cols>
  <sheetData>
    <row r="1" spans="1:18" x14ac:dyDescent="0.15">
      <c r="A1" s="40"/>
      <c r="C1" s="26"/>
      <c r="D1" s="3"/>
      <c r="E1" s="16"/>
      <c r="R1" s="17"/>
    </row>
    <row r="2" spans="1:18" ht="13.5" customHeight="1" x14ac:dyDescent="0.15">
      <c r="A2" s="39" t="s">
        <v>34</v>
      </c>
      <c r="B2" s="41" t="s">
        <v>7</v>
      </c>
      <c r="C2" s="42" t="s">
        <v>7</v>
      </c>
      <c r="D2" s="49" t="s">
        <v>25</v>
      </c>
      <c r="E2" s="76" t="s">
        <v>33</v>
      </c>
      <c r="F2" s="79" t="s">
        <v>38</v>
      </c>
      <c r="G2" s="79" t="s">
        <v>38</v>
      </c>
      <c r="H2" s="79" t="s">
        <v>38</v>
      </c>
      <c r="I2" s="79" t="s">
        <v>38</v>
      </c>
      <c r="J2" s="79" t="s">
        <v>39</v>
      </c>
      <c r="K2" s="79" t="s">
        <v>39</v>
      </c>
      <c r="L2" s="79" t="s">
        <v>39</v>
      </c>
      <c r="M2" s="79" t="s">
        <v>39</v>
      </c>
      <c r="N2" s="79" t="s">
        <v>39</v>
      </c>
      <c r="O2" s="79" t="s">
        <v>39</v>
      </c>
      <c r="P2" s="79" t="s">
        <v>42</v>
      </c>
      <c r="Q2" s="79" t="s">
        <v>42</v>
      </c>
      <c r="R2" s="84" t="s">
        <v>42</v>
      </c>
    </row>
    <row r="3" spans="1:18" ht="13.5" customHeight="1" x14ac:dyDescent="0.15">
      <c r="A3" s="39" t="s">
        <v>34</v>
      </c>
      <c r="B3" s="43"/>
      <c r="C3" s="44" t="s">
        <v>7</v>
      </c>
      <c r="D3" s="50" t="s">
        <v>25</v>
      </c>
      <c r="E3" s="77" t="s">
        <v>33</v>
      </c>
      <c r="F3" s="79" t="s">
        <v>0</v>
      </c>
      <c r="G3" s="79" t="s">
        <v>0</v>
      </c>
      <c r="H3" s="79" t="s">
        <v>1</v>
      </c>
      <c r="I3" s="79" t="s">
        <v>1</v>
      </c>
      <c r="J3" s="79" t="s">
        <v>0</v>
      </c>
      <c r="K3" s="79" t="s">
        <v>0</v>
      </c>
      <c r="L3" s="79" t="s">
        <v>1</v>
      </c>
      <c r="M3" s="79" t="s">
        <v>1</v>
      </c>
      <c r="N3" s="79" t="s">
        <v>2</v>
      </c>
      <c r="O3" s="79" t="s">
        <v>2</v>
      </c>
      <c r="P3" s="81" t="s">
        <v>3</v>
      </c>
      <c r="Q3" s="82" t="s">
        <v>43</v>
      </c>
      <c r="R3" s="81" t="s">
        <v>4</v>
      </c>
    </row>
    <row r="4" spans="1:18" s="5" customFormat="1" ht="24" x14ac:dyDescent="0.15">
      <c r="A4" s="39" t="s">
        <v>34</v>
      </c>
      <c r="B4" s="45"/>
      <c r="C4" s="46" t="s">
        <v>7</v>
      </c>
      <c r="D4" s="50" t="s">
        <v>25</v>
      </c>
      <c r="E4" s="78" t="s">
        <v>33</v>
      </c>
      <c r="F4" s="80" t="s">
        <v>40</v>
      </c>
      <c r="G4" s="80" t="s">
        <v>41</v>
      </c>
      <c r="H4" s="80" t="s">
        <v>40</v>
      </c>
      <c r="I4" s="80" t="s">
        <v>41</v>
      </c>
      <c r="J4" s="80" t="s">
        <v>40</v>
      </c>
      <c r="K4" s="80" t="s">
        <v>41</v>
      </c>
      <c r="L4" s="80" t="s">
        <v>40</v>
      </c>
      <c r="M4" s="80" t="s">
        <v>41</v>
      </c>
      <c r="N4" s="80" t="s">
        <v>40</v>
      </c>
      <c r="O4" s="80" t="s">
        <v>41</v>
      </c>
      <c r="P4" s="81" t="s">
        <v>3</v>
      </c>
      <c r="Q4" s="82" t="s">
        <v>43</v>
      </c>
      <c r="R4" s="83" t="s">
        <v>4</v>
      </c>
    </row>
    <row r="5" spans="1:18" ht="13.5" customHeight="1" x14ac:dyDescent="0.15">
      <c r="A5" s="55" t="s">
        <v>9</v>
      </c>
      <c r="B5" s="29"/>
      <c r="C5" s="49" t="s">
        <v>10</v>
      </c>
      <c r="D5" s="6" t="s">
        <v>26</v>
      </c>
      <c r="E5" s="67">
        <v>1240.6499999999999</v>
      </c>
      <c r="F5" s="67">
        <v>1013.89</v>
      </c>
      <c r="G5" s="67">
        <v>226158</v>
      </c>
      <c r="H5" s="18">
        <v>0</v>
      </c>
      <c r="I5" s="18">
        <v>0</v>
      </c>
      <c r="J5" s="18">
        <v>13.42</v>
      </c>
      <c r="K5" s="67">
        <v>2097</v>
      </c>
      <c r="L5" s="18">
        <v>0</v>
      </c>
      <c r="M5" s="18">
        <v>0</v>
      </c>
      <c r="N5" s="18">
        <v>185.97</v>
      </c>
      <c r="O5" s="67">
        <v>25528</v>
      </c>
      <c r="P5" s="18">
        <v>0</v>
      </c>
      <c r="Q5" s="18">
        <v>27.37</v>
      </c>
      <c r="R5" s="18">
        <v>27.37</v>
      </c>
    </row>
    <row r="6" spans="1:18" x14ac:dyDescent="0.15">
      <c r="A6" s="55" t="s">
        <v>9</v>
      </c>
      <c r="B6" s="30"/>
      <c r="C6" s="50" t="s">
        <v>10</v>
      </c>
      <c r="D6" s="7" t="s">
        <v>27</v>
      </c>
      <c r="E6" s="68">
        <v>9.4700000000000006</v>
      </c>
      <c r="F6" s="68">
        <v>9.26</v>
      </c>
      <c r="G6" s="68">
        <v>1830</v>
      </c>
      <c r="H6" s="19">
        <v>0</v>
      </c>
      <c r="I6" s="19">
        <v>0</v>
      </c>
      <c r="J6" s="19">
        <v>0</v>
      </c>
      <c r="K6" s="19">
        <v>0</v>
      </c>
      <c r="L6" s="19">
        <v>0</v>
      </c>
      <c r="M6" s="19">
        <v>0</v>
      </c>
      <c r="N6" s="19">
        <v>0</v>
      </c>
      <c r="O6" s="19">
        <v>0</v>
      </c>
      <c r="P6" s="19">
        <v>0</v>
      </c>
      <c r="Q6" s="19">
        <v>0.21</v>
      </c>
      <c r="R6" s="19">
        <v>0.21</v>
      </c>
    </row>
    <row r="7" spans="1:18" x14ac:dyDescent="0.15">
      <c r="A7" s="55" t="s">
        <v>9</v>
      </c>
      <c r="B7" s="30"/>
      <c r="C7" s="51" t="s">
        <v>10</v>
      </c>
      <c r="D7" s="33" t="s">
        <v>4</v>
      </c>
      <c r="E7" s="69">
        <v>1250.1199999999999</v>
      </c>
      <c r="F7" s="69">
        <v>1023.15</v>
      </c>
      <c r="G7" s="69">
        <v>227988</v>
      </c>
      <c r="H7" s="34">
        <v>0</v>
      </c>
      <c r="I7" s="34">
        <v>0</v>
      </c>
      <c r="J7" s="34">
        <v>13.42</v>
      </c>
      <c r="K7" s="69">
        <v>2097</v>
      </c>
      <c r="L7" s="34">
        <v>0</v>
      </c>
      <c r="M7" s="34">
        <v>0</v>
      </c>
      <c r="N7" s="34">
        <v>185.97</v>
      </c>
      <c r="O7" s="69">
        <v>25528</v>
      </c>
      <c r="P7" s="34">
        <v>0</v>
      </c>
      <c r="Q7" s="34">
        <v>27.580000000000002</v>
      </c>
      <c r="R7" s="34">
        <v>27.580000000000002</v>
      </c>
    </row>
    <row r="8" spans="1:18" x14ac:dyDescent="0.15">
      <c r="A8" s="55" t="s">
        <v>9</v>
      </c>
      <c r="B8" s="30"/>
      <c r="C8" s="52" t="s">
        <v>11</v>
      </c>
      <c r="D8" s="35" t="s">
        <v>26</v>
      </c>
      <c r="E8" s="70">
        <v>4412.5</v>
      </c>
      <c r="F8" s="70">
        <v>3467.73</v>
      </c>
      <c r="G8" s="70">
        <v>706108</v>
      </c>
      <c r="H8" s="36">
        <v>0</v>
      </c>
      <c r="I8" s="36">
        <v>0</v>
      </c>
      <c r="J8" s="36">
        <v>73.37</v>
      </c>
      <c r="K8" s="70">
        <v>10972</v>
      </c>
      <c r="L8" s="36">
        <v>0</v>
      </c>
      <c r="M8" s="36">
        <v>0</v>
      </c>
      <c r="N8" s="36">
        <v>791.2</v>
      </c>
      <c r="O8" s="70">
        <v>94687</v>
      </c>
      <c r="P8" s="36">
        <v>0</v>
      </c>
      <c r="Q8" s="36">
        <v>80.2</v>
      </c>
      <c r="R8" s="36">
        <v>80.2</v>
      </c>
    </row>
    <row r="9" spans="1:18" x14ac:dyDescent="0.15">
      <c r="A9" s="55" t="s">
        <v>9</v>
      </c>
      <c r="B9" s="30"/>
      <c r="C9" s="50" t="s">
        <v>11</v>
      </c>
      <c r="D9" s="7" t="s">
        <v>27</v>
      </c>
      <c r="E9" s="68">
        <v>206.59</v>
      </c>
      <c r="F9" s="68">
        <v>202.61</v>
      </c>
      <c r="G9" s="68">
        <v>31051</v>
      </c>
      <c r="H9" s="19">
        <v>0</v>
      </c>
      <c r="I9" s="19">
        <v>0</v>
      </c>
      <c r="J9" s="19">
        <v>0</v>
      </c>
      <c r="K9" s="19">
        <v>0</v>
      </c>
      <c r="L9" s="19">
        <v>0</v>
      </c>
      <c r="M9" s="19">
        <v>0</v>
      </c>
      <c r="N9" s="19">
        <v>0</v>
      </c>
      <c r="O9" s="19">
        <v>0</v>
      </c>
      <c r="P9" s="19">
        <v>0</v>
      </c>
      <c r="Q9" s="19">
        <v>3.98</v>
      </c>
      <c r="R9" s="19">
        <v>3.98</v>
      </c>
    </row>
    <row r="10" spans="1:18" x14ac:dyDescent="0.15">
      <c r="A10" s="55" t="s">
        <v>9</v>
      </c>
      <c r="B10" s="30"/>
      <c r="C10" s="51" t="s">
        <v>11</v>
      </c>
      <c r="D10" s="33" t="s">
        <v>4</v>
      </c>
      <c r="E10" s="69">
        <v>4619.09</v>
      </c>
      <c r="F10" s="69">
        <v>3670.34</v>
      </c>
      <c r="G10" s="69">
        <v>737159</v>
      </c>
      <c r="H10" s="34">
        <v>0</v>
      </c>
      <c r="I10" s="34">
        <v>0</v>
      </c>
      <c r="J10" s="34">
        <v>73.37</v>
      </c>
      <c r="K10" s="69">
        <v>10972</v>
      </c>
      <c r="L10" s="34">
        <v>0</v>
      </c>
      <c r="M10" s="34">
        <v>0</v>
      </c>
      <c r="N10" s="34">
        <v>791.2</v>
      </c>
      <c r="O10" s="69">
        <v>94687</v>
      </c>
      <c r="P10" s="34">
        <v>0</v>
      </c>
      <c r="Q10" s="34">
        <v>84.18</v>
      </c>
      <c r="R10" s="34">
        <v>84.18</v>
      </c>
    </row>
    <row r="11" spans="1:18" ht="12.75" customHeight="1" x14ac:dyDescent="0.15">
      <c r="A11" s="55" t="s">
        <v>9</v>
      </c>
      <c r="B11" s="30"/>
      <c r="C11" s="50" t="s">
        <v>12</v>
      </c>
      <c r="D11" s="7" t="s">
        <v>26</v>
      </c>
      <c r="E11" s="68">
        <v>1055.8400000000001</v>
      </c>
      <c r="F11" s="68">
        <v>374.77</v>
      </c>
      <c r="G11" s="68">
        <v>91818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  <c r="M11" s="19">
        <v>0</v>
      </c>
      <c r="N11" s="19">
        <v>668.9</v>
      </c>
      <c r="O11" s="68">
        <v>70440</v>
      </c>
      <c r="P11" s="19">
        <v>0</v>
      </c>
      <c r="Q11" s="19">
        <v>12.17</v>
      </c>
      <c r="R11" s="19">
        <v>12.17</v>
      </c>
    </row>
    <row r="12" spans="1:18" x14ac:dyDescent="0.15">
      <c r="A12" s="55" t="s">
        <v>9</v>
      </c>
      <c r="B12" s="30"/>
      <c r="C12" s="50" t="s">
        <v>35</v>
      </c>
      <c r="D12" s="7" t="s">
        <v>27</v>
      </c>
      <c r="E12" s="68">
        <v>58.22</v>
      </c>
      <c r="F12" s="68">
        <v>57.91</v>
      </c>
      <c r="G12" s="68">
        <v>9485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0</v>
      </c>
      <c r="N12" s="19">
        <v>0</v>
      </c>
      <c r="O12" s="19">
        <v>0</v>
      </c>
      <c r="P12" s="19">
        <v>0</v>
      </c>
      <c r="Q12" s="19">
        <v>0.31</v>
      </c>
      <c r="R12" s="19">
        <v>0.31</v>
      </c>
    </row>
    <row r="13" spans="1:18" x14ac:dyDescent="0.15">
      <c r="A13" s="55" t="s">
        <v>9</v>
      </c>
      <c r="B13" s="30"/>
      <c r="C13" s="51" t="s">
        <v>35</v>
      </c>
      <c r="D13" s="33" t="s">
        <v>4</v>
      </c>
      <c r="E13" s="69">
        <v>1114.06</v>
      </c>
      <c r="F13" s="69">
        <v>432.67999999999995</v>
      </c>
      <c r="G13" s="69">
        <v>101303</v>
      </c>
      <c r="H13" s="34">
        <v>0</v>
      </c>
      <c r="I13" s="34">
        <v>0</v>
      </c>
      <c r="J13" s="34">
        <v>0</v>
      </c>
      <c r="K13" s="34">
        <v>0</v>
      </c>
      <c r="L13" s="34">
        <v>0</v>
      </c>
      <c r="M13" s="34">
        <v>0</v>
      </c>
      <c r="N13" s="34">
        <v>668.9</v>
      </c>
      <c r="O13" s="69">
        <v>70440</v>
      </c>
      <c r="P13" s="34">
        <v>0</v>
      </c>
      <c r="Q13" s="34">
        <v>12.48</v>
      </c>
      <c r="R13" s="34">
        <v>12.48</v>
      </c>
    </row>
    <row r="14" spans="1:18" x14ac:dyDescent="0.15">
      <c r="A14" s="55" t="s">
        <v>9</v>
      </c>
      <c r="B14" s="30"/>
      <c r="C14" s="52" t="s">
        <v>13</v>
      </c>
      <c r="D14" s="35" t="s">
        <v>26</v>
      </c>
      <c r="E14" s="70">
        <v>1388.9</v>
      </c>
      <c r="F14" s="70">
        <v>629.02</v>
      </c>
      <c r="G14" s="70">
        <v>147627</v>
      </c>
      <c r="H14" s="36">
        <v>0</v>
      </c>
      <c r="I14" s="36">
        <v>0</v>
      </c>
      <c r="J14" s="36">
        <v>16.82</v>
      </c>
      <c r="K14" s="70">
        <v>1340</v>
      </c>
      <c r="L14" s="36">
        <v>0</v>
      </c>
      <c r="M14" s="36">
        <v>0</v>
      </c>
      <c r="N14" s="36">
        <v>544.33000000000004</v>
      </c>
      <c r="O14" s="70">
        <v>64944</v>
      </c>
      <c r="P14" s="36">
        <v>0</v>
      </c>
      <c r="Q14" s="36">
        <v>198.73</v>
      </c>
      <c r="R14" s="36">
        <v>198.73</v>
      </c>
    </row>
    <row r="15" spans="1:18" x14ac:dyDescent="0.15">
      <c r="A15" s="55" t="s">
        <v>9</v>
      </c>
      <c r="B15" s="30"/>
      <c r="C15" s="50" t="s">
        <v>13</v>
      </c>
      <c r="D15" s="7" t="s">
        <v>27</v>
      </c>
      <c r="E15" s="68">
        <v>182.34</v>
      </c>
      <c r="F15" s="68">
        <v>178.05</v>
      </c>
      <c r="G15" s="68">
        <v>33013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  <c r="M15" s="19">
        <v>0</v>
      </c>
      <c r="N15" s="19">
        <v>0</v>
      </c>
      <c r="O15" s="19">
        <v>0</v>
      </c>
      <c r="P15" s="19">
        <v>0</v>
      </c>
      <c r="Q15" s="19">
        <v>4.29</v>
      </c>
      <c r="R15" s="19">
        <v>4.29</v>
      </c>
    </row>
    <row r="16" spans="1:18" x14ac:dyDescent="0.15">
      <c r="A16" s="55" t="s">
        <v>9</v>
      </c>
      <c r="B16" s="30"/>
      <c r="C16" s="53" t="s">
        <v>13</v>
      </c>
      <c r="D16" s="27" t="s">
        <v>4</v>
      </c>
      <c r="E16" s="71">
        <v>1571.24</v>
      </c>
      <c r="F16" s="71">
        <v>807.06999999999994</v>
      </c>
      <c r="G16" s="71">
        <v>180640</v>
      </c>
      <c r="H16" s="28">
        <v>0</v>
      </c>
      <c r="I16" s="28">
        <v>0</v>
      </c>
      <c r="J16" s="28">
        <v>16.82</v>
      </c>
      <c r="K16" s="71">
        <v>1340</v>
      </c>
      <c r="L16" s="28">
        <v>0</v>
      </c>
      <c r="M16" s="28">
        <v>0</v>
      </c>
      <c r="N16" s="28">
        <v>544.33000000000004</v>
      </c>
      <c r="O16" s="71">
        <v>64944</v>
      </c>
      <c r="P16" s="28">
        <v>0</v>
      </c>
      <c r="Q16" s="28">
        <v>203.01999999999998</v>
      </c>
      <c r="R16" s="28">
        <v>203.01999999999998</v>
      </c>
    </row>
    <row r="17" spans="1:18" x14ac:dyDescent="0.15">
      <c r="A17" s="55" t="s">
        <v>9</v>
      </c>
      <c r="B17" s="31"/>
      <c r="C17" s="54" t="s">
        <v>8</v>
      </c>
      <c r="D17" s="37" t="s">
        <v>26</v>
      </c>
      <c r="E17" s="72">
        <v>8097.8899999999994</v>
      </c>
      <c r="F17" s="72">
        <v>5485.41</v>
      </c>
      <c r="G17" s="72">
        <v>1171711</v>
      </c>
      <c r="H17" s="38">
        <v>0</v>
      </c>
      <c r="I17" s="38">
        <v>0</v>
      </c>
      <c r="J17" s="38">
        <v>103.61000000000001</v>
      </c>
      <c r="K17" s="72">
        <v>14409</v>
      </c>
      <c r="L17" s="38">
        <v>0</v>
      </c>
      <c r="M17" s="38">
        <v>0</v>
      </c>
      <c r="N17" s="72">
        <v>2190.4</v>
      </c>
      <c r="O17" s="72">
        <v>255599</v>
      </c>
      <c r="P17" s="38">
        <v>0</v>
      </c>
      <c r="Q17" s="38">
        <v>318.47000000000003</v>
      </c>
      <c r="R17" s="38">
        <v>318.47000000000003</v>
      </c>
    </row>
    <row r="18" spans="1:18" x14ac:dyDescent="0.15">
      <c r="A18" s="55" t="s">
        <v>9</v>
      </c>
      <c r="B18" s="31"/>
      <c r="C18" s="44" t="s">
        <v>8</v>
      </c>
      <c r="D18" s="7" t="s">
        <v>27</v>
      </c>
      <c r="E18" s="68">
        <v>456.62</v>
      </c>
      <c r="F18" s="68">
        <v>447.83</v>
      </c>
      <c r="G18" s="68">
        <v>75379</v>
      </c>
      <c r="H18" s="19">
        <v>0</v>
      </c>
      <c r="I18" s="19">
        <v>0</v>
      </c>
      <c r="J18" s="19">
        <v>0</v>
      </c>
      <c r="K18" s="19">
        <v>0</v>
      </c>
      <c r="L18" s="19">
        <v>0</v>
      </c>
      <c r="M18" s="19">
        <v>0</v>
      </c>
      <c r="N18" s="19">
        <v>0</v>
      </c>
      <c r="O18" s="19">
        <v>0</v>
      </c>
      <c r="P18" s="19">
        <v>0</v>
      </c>
      <c r="Q18" s="19">
        <v>8.7899999999999991</v>
      </c>
      <c r="R18" s="19">
        <v>8.7899999999999991</v>
      </c>
    </row>
    <row r="19" spans="1:18" x14ac:dyDescent="0.15">
      <c r="A19" s="55" t="s">
        <v>9</v>
      </c>
      <c r="B19" s="32"/>
      <c r="C19" s="46" t="s">
        <v>8</v>
      </c>
      <c r="D19" s="4" t="s">
        <v>4</v>
      </c>
      <c r="E19" s="73">
        <v>8554.51</v>
      </c>
      <c r="F19" s="73">
        <v>5933.24</v>
      </c>
      <c r="G19" s="73">
        <v>1247090</v>
      </c>
      <c r="H19" s="20">
        <v>0</v>
      </c>
      <c r="I19" s="20">
        <v>0</v>
      </c>
      <c r="J19" s="20">
        <v>103.61000000000001</v>
      </c>
      <c r="K19" s="73">
        <v>14409</v>
      </c>
      <c r="L19" s="20">
        <v>0</v>
      </c>
      <c r="M19" s="20">
        <v>0</v>
      </c>
      <c r="N19" s="73">
        <v>2190.4</v>
      </c>
      <c r="O19" s="73">
        <v>255599</v>
      </c>
      <c r="P19" s="20">
        <v>0</v>
      </c>
      <c r="Q19" s="20">
        <v>327.26</v>
      </c>
      <c r="R19" s="20">
        <v>327.26</v>
      </c>
    </row>
    <row r="20" spans="1:18" x14ac:dyDescent="0.15">
      <c r="A20" s="55" t="s">
        <v>9</v>
      </c>
      <c r="B20" s="30"/>
      <c r="C20" s="50" t="s">
        <v>14</v>
      </c>
      <c r="D20" s="7" t="s">
        <v>26</v>
      </c>
      <c r="E20" s="68">
        <v>1475.79</v>
      </c>
      <c r="F20" s="68">
        <v>845.3</v>
      </c>
      <c r="G20" s="68">
        <v>185614</v>
      </c>
      <c r="H20" s="19">
        <v>0</v>
      </c>
      <c r="I20" s="19">
        <v>0</v>
      </c>
      <c r="J20" s="19">
        <v>26.24</v>
      </c>
      <c r="K20" s="68">
        <v>5568</v>
      </c>
      <c r="L20" s="19">
        <v>0</v>
      </c>
      <c r="M20" s="19">
        <v>0</v>
      </c>
      <c r="N20" s="19">
        <v>573.77</v>
      </c>
      <c r="O20" s="68">
        <v>75055</v>
      </c>
      <c r="P20" s="19">
        <v>0</v>
      </c>
      <c r="Q20" s="19">
        <v>30.48</v>
      </c>
      <c r="R20" s="19">
        <v>30.48</v>
      </c>
    </row>
    <row r="21" spans="1:18" x14ac:dyDescent="0.15">
      <c r="A21" s="55" t="s">
        <v>9</v>
      </c>
      <c r="B21" s="30"/>
      <c r="C21" s="50" t="s">
        <v>14</v>
      </c>
      <c r="D21" s="7" t="s">
        <v>27</v>
      </c>
      <c r="E21" s="68">
        <v>229.44</v>
      </c>
      <c r="F21" s="68">
        <v>226.54</v>
      </c>
      <c r="G21" s="68">
        <v>45172</v>
      </c>
      <c r="H21" s="19">
        <v>0</v>
      </c>
      <c r="I21" s="19">
        <v>0</v>
      </c>
      <c r="J21" s="19">
        <v>0</v>
      </c>
      <c r="K21" s="19">
        <v>0</v>
      </c>
      <c r="L21" s="19">
        <v>0</v>
      </c>
      <c r="M21" s="19">
        <v>0</v>
      </c>
      <c r="N21" s="19">
        <v>0</v>
      </c>
      <c r="O21" s="19">
        <v>0</v>
      </c>
      <c r="P21" s="19">
        <v>0</v>
      </c>
      <c r="Q21" s="19">
        <v>2.9</v>
      </c>
      <c r="R21" s="19">
        <v>2.9</v>
      </c>
    </row>
    <row r="22" spans="1:18" x14ac:dyDescent="0.15">
      <c r="A22" s="55" t="s">
        <v>9</v>
      </c>
      <c r="B22" s="30"/>
      <c r="C22" s="51" t="s">
        <v>14</v>
      </c>
      <c r="D22" s="33" t="s">
        <v>4</v>
      </c>
      <c r="E22" s="69">
        <v>1705.23</v>
      </c>
      <c r="F22" s="69">
        <v>1071.8399999999999</v>
      </c>
      <c r="G22" s="69">
        <v>230786</v>
      </c>
      <c r="H22" s="34">
        <v>0</v>
      </c>
      <c r="I22" s="34">
        <v>0</v>
      </c>
      <c r="J22" s="34">
        <v>26.24</v>
      </c>
      <c r="K22" s="69">
        <v>5568</v>
      </c>
      <c r="L22" s="34">
        <v>0</v>
      </c>
      <c r="M22" s="34">
        <v>0</v>
      </c>
      <c r="N22" s="34">
        <v>573.77</v>
      </c>
      <c r="O22" s="69">
        <v>75055</v>
      </c>
      <c r="P22" s="34">
        <v>0</v>
      </c>
      <c r="Q22" s="34">
        <v>33.380000000000003</v>
      </c>
      <c r="R22" s="34">
        <v>33.380000000000003</v>
      </c>
    </row>
    <row r="23" spans="1:18" x14ac:dyDescent="0.15">
      <c r="A23" s="55" t="s">
        <v>9</v>
      </c>
      <c r="B23" s="30"/>
      <c r="C23" s="52" t="s">
        <v>15</v>
      </c>
      <c r="D23" s="35" t="s">
        <v>26</v>
      </c>
      <c r="E23" s="70">
        <v>781.89</v>
      </c>
      <c r="F23" s="70">
        <v>468.28</v>
      </c>
      <c r="G23" s="70">
        <v>115828</v>
      </c>
      <c r="H23" s="36">
        <v>0</v>
      </c>
      <c r="I23" s="36">
        <v>0</v>
      </c>
      <c r="J23" s="36">
        <v>1.79</v>
      </c>
      <c r="K23" s="36">
        <v>237</v>
      </c>
      <c r="L23" s="36">
        <v>0</v>
      </c>
      <c r="M23" s="36">
        <v>0</v>
      </c>
      <c r="N23" s="36">
        <v>299.57</v>
      </c>
      <c r="O23" s="70">
        <v>43779</v>
      </c>
      <c r="P23" s="36">
        <v>0</v>
      </c>
      <c r="Q23" s="36">
        <v>12.25</v>
      </c>
      <c r="R23" s="36">
        <v>12.25</v>
      </c>
    </row>
    <row r="24" spans="1:18" x14ac:dyDescent="0.15">
      <c r="A24" s="55" t="s">
        <v>9</v>
      </c>
      <c r="B24" s="30"/>
      <c r="C24" s="50" t="s">
        <v>15</v>
      </c>
      <c r="D24" s="7" t="s">
        <v>27</v>
      </c>
      <c r="E24" s="68">
        <v>48.339999999999996</v>
      </c>
      <c r="F24" s="68">
        <v>47.62</v>
      </c>
      <c r="G24" s="68">
        <v>9769</v>
      </c>
      <c r="H24" s="19">
        <v>0</v>
      </c>
      <c r="I24" s="19">
        <v>0</v>
      </c>
      <c r="J24" s="19">
        <v>0</v>
      </c>
      <c r="K24" s="19">
        <v>0</v>
      </c>
      <c r="L24" s="19">
        <v>0</v>
      </c>
      <c r="M24" s="19">
        <v>0</v>
      </c>
      <c r="N24" s="19">
        <v>0</v>
      </c>
      <c r="O24" s="19">
        <v>0</v>
      </c>
      <c r="P24" s="19">
        <v>0</v>
      </c>
      <c r="Q24" s="19">
        <v>0.72</v>
      </c>
      <c r="R24" s="19">
        <v>0.72</v>
      </c>
    </row>
    <row r="25" spans="1:18" x14ac:dyDescent="0.15">
      <c r="A25" s="55" t="s">
        <v>9</v>
      </c>
      <c r="B25" s="30"/>
      <c r="C25" s="53" t="s">
        <v>15</v>
      </c>
      <c r="D25" s="27" t="s">
        <v>4</v>
      </c>
      <c r="E25" s="71">
        <v>830.23</v>
      </c>
      <c r="F25" s="71">
        <v>515.9</v>
      </c>
      <c r="G25" s="71">
        <v>125597</v>
      </c>
      <c r="H25" s="28">
        <v>0</v>
      </c>
      <c r="I25" s="28">
        <v>0</v>
      </c>
      <c r="J25" s="28">
        <v>1.79</v>
      </c>
      <c r="K25" s="28">
        <v>237</v>
      </c>
      <c r="L25" s="28">
        <v>0</v>
      </c>
      <c r="M25" s="28">
        <v>0</v>
      </c>
      <c r="N25" s="28">
        <v>299.57</v>
      </c>
      <c r="O25" s="71">
        <v>43779</v>
      </c>
      <c r="P25" s="28">
        <v>0</v>
      </c>
      <c r="Q25" s="28">
        <v>12.97</v>
      </c>
      <c r="R25" s="28">
        <v>12.97</v>
      </c>
    </row>
    <row r="26" spans="1:18" x14ac:dyDescent="0.15">
      <c r="A26" s="55" t="s">
        <v>9</v>
      </c>
      <c r="B26" s="54" t="s">
        <v>8</v>
      </c>
      <c r="C26" s="54" t="s">
        <v>8</v>
      </c>
      <c r="D26" s="7" t="s">
        <v>26</v>
      </c>
      <c r="E26" s="68">
        <v>2257.6799999999998</v>
      </c>
      <c r="F26" s="68">
        <v>1313.58</v>
      </c>
      <c r="G26" s="68">
        <v>301442</v>
      </c>
      <c r="H26" s="19">
        <v>0</v>
      </c>
      <c r="I26" s="19">
        <v>0</v>
      </c>
      <c r="J26" s="19">
        <v>28.029999999999998</v>
      </c>
      <c r="K26" s="68">
        <v>5805</v>
      </c>
      <c r="L26" s="19">
        <v>0</v>
      </c>
      <c r="M26" s="19">
        <v>0</v>
      </c>
      <c r="N26" s="19">
        <v>873.33999999999992</v>
      </c>
      <c r="O26" s="68">
        <v>118834</v>
      </c>
      <c r="P26" s="19">
        <v>0</v>
      </c>
      <c r="Q26" s="19">
        <v>42.730000000000004</v>
      </c>
      <c r="R26" s="19">
        <v>42.730000000000004</v>
      </c>
    </row>
    <row r="27" spans="1:18" x14ac:dyDescent="0.15">
      <c r="A27" s="55" t="s">
        <v>9</v>
      </c>
      <c r="B27" s="44" t="s">
        <v>8</v>
      </c>
      <c r="C27" s="44" t="s">
        <v>8</v>
      </c>
      <c r="D27" s="7" t="s">
        <v>27</v>
      </c>
      <c r="E27" s="68">
        <v>277.77999999999997</v>
      </c>
      <c r="F27" s="68">
        <v>274.15999999999997</v>
      </c>
      <c r="G27" s="68">
        <v>54941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0</v>
      </c>
      <c r="N27" s="19">
        <v>0</v>
      </c>
      <c r="O27" s="19">
        <v>0</v>
      </c>
      <c r="P27" s="19">
        <v>0</v>
      </c>
      <c r="Q27" s="19">
        <v>3.62</v>
      </c>
      <c r="R27" s="19">
        <v>3.62</v>
      </c>
    </row>
    <row r="28" spans="1:18" x14ac:dyDescent="0.15">
      <c r="A28" s="55" t="s">
        <v>9</v>
      </c>
      <c r="B28" s="46" t="s">
        <v>8</v>
      </c>
      <c r="C28" s="46" t="s">
        <v>8</v>
      </c>
      <c r="D28" s="4" t="s">
        <v>4</v>
      </c>
      <c r="E28" s="73">
        <v>2535.46</v>
      </c>
      <c r="F28" s="73">
        <v>1587.7399999999998</v>
      </c>
      <c r="G28" s="73">
        <v>356383</v>
      </c>
      <c r="H28" s="20">
        <v>0</v>
      </c>
      <c r="I28" s="20">
        <v>0</v>
      </c>
      <c r="J28" s="20">
        <v>28.029999999999998</v>
      </c>
      <c r="K28" s="73">
        <v>5805</v>
      </c>
      <c r="L28" s="20">
        <v>0</v>
      </c>
      <c r="M28" s="20">
        <v>0</v>
      </c>
      <c r="N28" s="20">
        <v>873.33999999999992</v>
      </c>
      <c r="O28" s="73">
        <v>118834</v>
      </c>
      <c r="P28" s="20">
        <v>0</v>
      </c>
      <c r="Q28" s="20">
        <v>46.35</v>
      </c>
      <c r="R28" s="20">
        <v>46.35</v>
      </c>
    </row>
    <row r="29" spans="1:18" x14ac:dyDescent="0.15">
      <c r="A29" s="55" t="s">
        <v>9</v>
      </c>
      <c r="B29" s="58" t="s">
        <v>4</v>
      </c>
      <c r="C29" s="44" t="s">
        <v>4</v>
      </c>
      <c r="D29" s="6" t="s">
        <v>26</v>
      </c>
      <c r="E29" s="67">
        <v>10355.57</v>
      </c>
      <c r="F29" s="67">
        <v>6798.99</v>
      </c>
      <c r="G29" s="67">
        <v>1473153</v>
      </c>
      <c r="H29" s="18">
        <v>0</v>
      </c>
      <c r="I29" s="18">
        <v>0</v>
      </c>
      <c r="J29" s="18">
        <v>131.64000000000001</v>
      </c>
      <c r="K29" s="67">
        <v>20214</v>
      </c>
      <c r="L29" s="18">
        <v>0</v>
      </c>
      <c r="M29" s="18">
        <v>0</v>
      </c>
      <c r="N29" s="67">
        <v>3063.74</v>
      </c>
      <c r="O29" s="67">
        <v>374433</v>
      </c>
      <c r="P29" s="18">
        <v>0</v>
      </c>
      <c r="Q29" s="18">
        <v>361.20000000000005</v>
      </c>
      <c r="R29" s="18">
        <v>361.20000000000005</v>
      </c>
    </row>
    <row r="30" spans="1:18" x14ac:dyDescent="0.15">
      <c r="A30" s="55" t="s">
        <v>9</v>
      </c>
      <c r="B30" s="56"/>
      <c r="C30" s="44" t="s">
        <v>4</v>
      </c>
      <c r="D30" s="7" t="s">
        <v>27</v>
      </c>
      <c r="E30" s="68">
        <v>734.4</v>
      </c>
      <c r="F30" s="68">
        <v>721.99</v>
      </c>
      <c r="G30" s="68">
        <v>130320</v>
      </c>
      <c r="H30" s="19">
        <v>0</v>
      </c>
      <c r="I30" s="19">
        <v>0</v>
      </c>
      <c r="J30" s="19">
        <v>0</v>
      </c>
      <c r="K30" s="19">
        <v>0</v>
      </c>
      <c r="L30" s="19">
        <v>0</v>
      </c>
      <c r="M30" s="19">
        <v>0</v>
      </c>
      <c r="N30" s="19">
        <v>0</v>
      </c>
      <c r="O30" s="19">
        <v>0</v>
      </c>
      <c r="P30" s="19">
        <v>0</v>
      </c>
      <c r="Q30" s="19">
        <v>12.41</v>
      </c>
      <c r="R30" s="19">
        <v>12.41</v>
      </c>
    </row>
    <row r="31" spans="1:18" x14ac:dyDescent="0.15">
      <c r="A31" s="55" t="s">
        <v>9</v>
      </c>
      <c r="B31" s="57"/>
      <c r="C31" s="44" t="s">
        <v>4</v>
      </c>
      <c r="D31" s="4" t="s">
        <v>4</v>
      </c>
      <c r="E31" s="73">
        <v>11089.97</v>
      </c>
      <c r="F31" s="73">
        <v>7520.98</v>
      </c>
      <c r="G31" s="73">
        <v>1603473</v>
      </c>
      <c r="H31" s="20">
        <v>0</v>
      </c>
      <c r="I31" s="20">
        <v>0</v>
      </c>
      <c r="J31" s="20">
        <v>131.64000000000001</v>
      </c>
      <c r="K31" s="73">
        <v>20214</v>
      </c>
      <c r="L31" s="20">
        <v>0</v>
      </c>
      <c r="M31" s="20">
        <v>0</v>
      </c>
      <c r="N31" s="73">
        <v>3063.74</v>
      </c>
      <c r="O31" s="73">
        <v>374433</v>
      </c>
      <c r="P31" s="20">
        <v>0</v>
      </c>
      <c r="Q31" s="20">
        <v>373.61000000000007</v>
      </c>
      <c r="R31" s="20">
        <v>373.61000000000007</v>
      </c>
    </row>
    <row r="32" spans="1:18" ht="13.5" customHeight="1" x14ac:dyDescent="0.15">
      <c r="A32" s="55" t="s">
        <v>5</v>
      </c>
      <c r="B32" s="29"/>
      <c r="C32" s="49" t="s">
        <v>16</v>
      </c>
      <c r="D32" s="6" t="s">
        <v>26</v>
      </c>
      <c r="E32" s="67">
        <v>375.57999999999993</v>
      </c>
      <c r="F32" s="67">
        <v>136.91</v>
      </c>
      <c r="G32" s="67">
        <v>45030</v>
      </c>
      <c r="H32" s="18">
        <v>0</v>
      </c>
      <c r="I32" s="18">
        <v>0</v>
      </c>
      <c r="J32" s="18">
        <v>1.6</v>
      </c>
      <c r="K32" s="18">
        <v>354</v>
      </c>
      <c r="L32" s="18">
        <v>0</v>
      </c>
      <c r="M32" s="18">
        <v>0</v>
      </c>
      <c r="N32" s="18">
        <v>208.79</v>
      </c>
      <c r="O32" s="67">
        <v>23911</v>
      </c>
      <c r="P32" s="18">
        <v>0</v>
      </c>
      <c r="Q32" s="18">
        <v>28.28</v>
      </c>
      <c r="R32" s="18">
        <v>28.28</v>
      </c>
    </row>
    <row r="33" spans="1:18" x14ac:dyDescent="0.15">
      <c r="A33" s="55" t="s">
        <v>5</v>
      </c>
      <c r="B33" s="30"/>
      <c r="C33" s="50" t="s">
        <v>16</v>
      </c>
      <c r="D33" s="7" t="s">
        <v>27</v>
      </c>
      <c r="E33" s="68">
        <v>54.949999999999996</v>
      </c>
      <c r="F33" s="68">
        <v>50.87</v>
      </c>
      <c r="G33" s="68">
        <v>6833</v>
      </c>
      <c r="H33" s="19">
        <v>0</v>
      </c>
      <c r="I33" s="19">
        <v>0</v>
      </c>
      <c r="J33" s="19">
        <v>0</v>
      </c>
      <c r="K33" s="19">
        <v>0</v>
      </c>
      <c r="L33" s="19">
        <v>0</v>
      </c>
      <c r="M33" s="19">
        <v>0</v>
      </c>
      <c r="N33" s="19">
        <v>0</v>
      </c>
      <c r="O33" s="19">
        <v>0</v>
      </c>
      <c r="P33" s="19">
        <v>0</v>
      </c>
      <c r="Q33" s="19">
        <v>4.08</v>
      </c>
      <c r="R33" s="19">
        <v>4.08</v>
      </c>
    </row>
    <row r="34" spans="1:18" x14ac:dyDescent="0.15">
      <c r="A34" s="55" t="s">
        <v>5</v>
      </c>
      <c r="B34" s="30"/>
      <c r="C34" s="51" t="s">
        <v>16</v>
      </c>
      <c r="D34" s="33" t="s">
        <v>4</v>
      </c>
      <c r="E34" s="69">
        <v>430.53</v>
      </c>
      <c r="F34" s="69">
        <v>187.78</v>
      </c>
      <c r="G34" s="69">
        <v>51863</v>
      </c>
      <c r="H34" s="34">
        <v>0</v>
      </c>
      <c r="I34" s="34">
        <v>0</v>
      </c>
      <c r="J34" s="34">
        <v>1.6</v>
      </c>
      <c r="K34" s="34">
        <v>354</v>
      </c>
      <c r="L34" s="34">
        <v>0</v>
      </c>
      <c r="M34" s="34">
        <v>0</v>
      </c>
      <c r="N34" s="34">
        <v>208.79</v>
      </c>
      <c r="O34" s="69">
        <v>23911</v>
      </c>
      <c r="P34" s="34">
        <v>0</v>
      </c>
      <c r="Q34" s="34">
        <v>32.36</v>
      </c>
      <c r="R34" s="34">
        <v>32.36</v>
      </c>
    </row>
    <row r="35" spans="1:18" x14ac:dyDescent="0.15">
      <c r="A35" s="55" t="s">
        <v>5</v>
      </c>
      <c r="B35" s="30"/>
      <c r="C35" s="52" t="s">
        <v>29</v>
      </c>
      <c r="D35" s="35" t="s">
        <v>26</v>
      </c>
      <c r="E35" s="70">
        <v>352.45</v>
      </c>
      <c r="F35" s="70">
        <v>317.05</v>
      </c>
      <c r="G35" s="70">
        <v>76891</v>
      </c>
      <c r="H35" s="36">
        <v>0</v>
      </c>
      <c r="I35" s="36">
        <v>0</v>
      </c>
      <c r="J35" s="36">
        <v>13.68</v>
      </c>
      <c r="K35" s="70">
        <v>2733</v>
      </c>
      <c r="L35" s="36">
        <v>0</v>
      </c>
      <c r="M35" s="36">
        <v>0</v>
      </c>
      <c r="N35" s="36">
        <v>5.53</v>
      </c>
      <c r="O35" s="70">
        <v>1059</v>
      </c>
      <c r="P35" s="36">
        <v>0</v>
      </c>
      <c r="Q35" s="36">
        <v>16.190000000000001</v>
      </c>
      <c r="R35" s="36">
        <v>16.190000000000001</v>
      </c>
    </row>
    <row r="36" spans="1:18" x14ac:dyDescent="0.15">
      <c r="A36" s="55" t="s">
        <v>5</v>
      </c>
      <c r="B36" s="30"/>
      <c r="C36" s="50" t="s">
        <v>29</v>
      </c>
      <c r="D36" s="7" t="s">
        <v>27</v>
      </c>
      <c r="E36" s="68">
        <v>162.95000000000002</v>
      </c>
      <c r="F36" s="68">
        <v>143.55000000000001</v>
      </c>
      <c r="G36" s="68">
        <v>31220</v>
      </c>
      <c r="H36" s="19">
        <v>0</v>
      </c>
      <c r="I36" s="19">
        <v>0</v>
      </c>
      <c r="J36" s="19">
        <v>0</v>
      </c>
      <c r="K36" s="19">
        <v>0</v>
      </c>
      <c r="L36" s="19">
        <v>0</v>
      </c>
      <c r="M36" s="19">
        <v>0</v>
      </c>
      <c r="N36" s="19">
        <v>0</v>
      </c>
      <c r="O36" s="19">
        <v>0</v>
      </c>
      <c r="P36" s="19">
        <v>0</v>
      </c>
      <c r="Q36" s="19">
        <v>19.399999999999999</v>
      </c>
      <c r="R36" s="19">
        <v>19.399999999999999</v>
      </c>
    </row>
    <row r="37" spans="1:18" x14ac:dyDescent="0.15">
      <c r="A37" s="55" t="s">
        <v>5</v>
      </c>
      <c r="B37" s="30"/>
      <c r="C37" s="53" t="s">
        <v>29</v>
      </c>
      <c r="D37" s="27" t="s">
        <v>4</v>
      </c>
      <c r="E37" s="71">
        <v>515.4</v>
      </c>
      <c r="F37" s="71">
        <v>460.6</v>
      </c>
      <c r="G37" s="71">
        <v>108111</v>
      </c>
      <c r="H37" s="28">
        <v>0</v>
      </c>
      <c r="I37" s="28">
        <v>0</v>
      </c>
      <c r="J37" s="28">
        <v>13.68</v>
      </c>
      <c r="K37" s="71">
        <v>2733</v>
      </c>
      <c r="L37" s="28">
        <v>0</v>
      </c>
      <c r="M37" s="28">
        <v>0</v>
      </c>
      <c r="N37" s="28">
        <v>5.53</v>
      </c>
      <c r="O37" s="71">
        <v>1059</v>
      </c>
      <c r="P37" s="28">
        <v>0</v>
      </c>
      <c r="Q37" s="28">
        <v>35.590000000000003</v>
      </c>
      <c r="R37" s="28">
        <v>35.590000000000003</v>
      </c>
    </row>
    <row r="38" spans="1:18" x14ac:dyDescent="0.15">
      <c r="A38" s="55" t="s">
        <v>5</v>
      </c>
      <c r="B38" s="54" t="s">
        <v>8</v>
      </c>
      <c r="C38" s="54" t="s">
        <v>8</v>
      </c>
      <c r="D38" s="7" t="s">
        <v>26</v>
      </c>
      <c r="E38" s="68">
        <v>728.03</v>
      </c>
      <c r="F38" s="68">
        <v>453.96000000000004</v>
      </c>
      <c r="G38" s="68">
        <v>121921</v>
      </c>
      <c r="H38" s="19">
        <v>0</v>
      </c>
      <c r="I38" s="19">
        <v>0</v>
      </c>
      <c r="J38" s="19">
        <v>15.28</v>
      </c>
      <c r="K38" s="68">
        <v>3087</v>
      </c>
      <c r="L38" s="19">
        <v>0</v>
      </c>
      <c r="M38" s="19">
        <v>0</v>
      </c>
      <c r="N38" s="19">
        <v>214.32</v>
      </c>
      <c r="O38" s="68">
        <v>24970</v>
      </c>
      <c r="P38" s="19">
        <v>0</v>
      </c>
      <c r="Q38" s="19">
        <v>44.47</v>
      </c>
      <c r="R38" s="19">
        <v>44.47</v>
      </c>
    </row>
    <row r="39" spans="1:18" x14ac:dyDescent="0.15">
      <c r="A39" s="55" t="s">
        <v>5</v>
      </c>
      <c r="B39" s="44" t="s">
        <v>8</v>
      </c>
      <c r="C39" s="44" t="s">
        <v>8</v>
      </c>
      <c r="D39" s="7" t="s">
        <v>27</v>
      </c>
      <c r="E39" s="68">
        <v>217.9</v>
      </c>
      <c r="F39" s="68">
        <v>194.42000000000002</v>
      </c>
      <c r="G39" s="68">
        <v>38053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  <c r="M39" s="19">
        <v>0</v>
      </c>
      <c r="N39" s="19">
        <v>0</v>
      </c>
      <c r="O39" s="19">
        <v>0</v>
      </c>
      <c r="P39" s="19">
        <v>0</v>
      </c>
      <c r="Q39" s="19">
        <v>23.479999999999997</v>
      </c>
      <c r="R39" s="19">
        <v>23.479999999999997</v>
      </c>
    </row>
    <row r="40" spans="1:18" x14ac:dyDescent="0.15">
      <c r="A40" s="55" t="s">
        <v>5</v>
      </c>
      <c r="B40" s="46" t="s">
        <v>8</v>
      </c>
      <c r="C40" s="46" t="s">
        <v>8</v>
      </c>
      <c r="D40" s="4" t="s">
        <v>4</v>
      </c>
      <c r="E40" s="73">
        <v>945.93</v>
      </c>
      <c r="F40" s="73">
        <v>648.38000000000011</v>
      </c>
      <c r="G40" s="73">
        <v>159974</v>
      </c>
      <c r="H40" s="20">
        <v>0</v>
      </c>
      <c r="I40" s="20">
        <v>0</v>
      </c>
      <c r="J40" s="20">
        <v>15.28</v>
      </c>
      <c r="K40" s="73">
        <v>3087</v>
      </c>
      <c r="L40" s="20">
        <v>0</v>
      </c>
      <c r="M40" s="20">
        <v>0</v>
      </c>
      <c r="N40" s="20">
        <v>214.32</v>
      </c>
      <c r="O40" s="73">
        <v>24970</v>
      </c>
      <c r="P40" s="20">
        <v>0</v>
      </c>
      <c r="Q40" s="20">
        <v>67.949999999999989</v>
      </c>
      <c r="R40" s="20">
        <v>67.949999999999989</v>
      </c>
    </row>
    <row r="41" spans="1:18" x14ac:dyDescent="0.15">
      <c r="A41" s="55" t="s">
        <v>5</v>
      </c>
      <c r="B41" s="30"/>
      <c r="C41" s="49" t="s">
        <v>17</v>
      </c>
      <c r="D41" s="6" t="s">
        <v>26</v>
      </c>
      <c r="E41" s="67">
        <v>2607.08</v>
      </c>
      <c r="F41" s="67">
        <v>1549.82</v>
      </c>
      <c r="G41" s="67">
        <v>338930</v>
      </c>
      <c r="H41" s="18">
        <v>3.2</v>
      </c>
      <c r="I41" s="18">
        <v>717</v>
      </c>
      <c r="J41" s="18">
        <v>16.82</v>
      </c>
      <c r="K41" s="67">
        <v>3348</v>
      </c>
      <c r="L41" s="18">
        <v>0</v>
      </c>
      <c r="M41" s="18">
        <v>0</v>
      </c>
      <c r="N41" s="18">
        <v>956.54</v>
      </c>
      <c r="O41" s="67">
        <v>129612</v>
      </c>
      <c r="P41" s="18">
        <v>0</v>
      </c>
      <c r="Q41" s="18">
        <v>80.7</v>
      </c>
      <c r="R41" s="18">
        <v>80.7</v>
      </c>
    </row>
    <row r="42" spans="1:18" x14ac:dyDescent="0.15">
      <c r="A42" s="55" t="s">
        <v>5</v>
      </c>
      <c r="B42" s="30"/>
      <c r="C42" s="50" t="s">
        <v>17</v>
      </c>
      <c r="D42" s="7" t="s">
        <v>27</v>
      </c>
      <c r="E42" s="68">
        <v>583.57000000000005</v>
      </c>
      <c r="F42" s="68">
        <v>562.98</v>
      </c>
      <c r="G42" s="68">
        <v>110009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  <c r="Q42" s="19">
        <v>20.59</v>
      </c>
      <c r="R42" s="19">
        <v>20.59</v>
      </c>
    </row>
    <row r="43" spans="1:18" x14ac:dyDescent="0.15">
      <c r="A43" s="55" t="s">
        <v>5</v>
      </c>
      <c r="B43" s="30"/>
      <c r="C43" s="51" t="s">
        <v>17</v>
      </c>
      <c r="D43" s="33" t="s">
        <v>4</v>
      </c>
      <c r="E43" s="69">
        <v>3190.65</v>
      </c>
      <c r="F43" s="69">
        <v>2112.8000000000002</v>
      </c>
      <c r="G43" s="69">
        <v>448939</v>
      </c>
      <c r="H43" s="34">
        <v>3.2</v>
      </c>
      <c r="I43" s="34">
        <v>717</v>
      </c>
      <c r="J43" s="34">
        <v>16.82</v>
      </c>
      <c r="K43" s="69">
        <v>3348</v>
      </c>
      <c r="L43" s="34">
        <v>0</v>
      </c>
      <c r="M43" s="34">
        <v>0</v>
      </c>
      <c r="N43" s="34">
        <v>956.54</v>
      </c>
      <c r="O43" s="69">
        <v>129612</v>
      </c>
      <c r="P43" s="34">
        <v>0</v>
      </c>
      <c r="Q43" s="34">
        <v>101.29</v>
      </c>
      <c r="R43" s="34">
        <v>101.29</v>
      </c>
    </row>
    <row r="44" spans="1:18" x14ac:dyDescent="0.15">
      <c r="A44" s="55" t="s">
        <v>5</v>
      </c>
      <c r="B44" s="30"/>
      <c r="C44" s="52" t="s">
        <v>18</v>
      </c>
      <c r="D44" s="35" t="s">
        <v>26</v>
      </c>
      <c r="E44" s="70">
        <v>1925.64</v>
      </c>
      <c r="F44" s="70">
        <v>691.55</v>
      </c>
      <c r="G44" s="70">
        <v>171202</v>
      </c>
      <c r="H44" s="36">
        <v>3.07</v>
      </c>
      <c r="I44" s="70">
        <v>1403</v>
      </c>
      <c r="J44" s="36">
        <v>53.72</v>
      </c>
      <c r="K44" s="70">
        <v>7230</v>
      </c>
      <c r="L44" s="36">
        <v>0</v>
      </c>
      <c r="M44" s="36">
        <v>0</v>
      </c>
      <c r="N44" s="70">
        <v>1121.6600000000001</v>
      </c>
      <c r="O44" s="70">
        <v>124908</v>
      </c>
      <c r="P44" s="36">
        <v>0</v>
      </c>
      <c r="Q44" s="36">
        <v>55.64</v>
      </c>
      <c r="R44" s="36">
        <v>55.64</v>
      </c>
    </row>
    <row r="45" spans="1:18" x14ac:dyDescent="0.15">
      <c r="A45" s="55" t="s">
        <v>5</v>
      </c>
      <c r="B45" s="30"/>
      <c r="C45" s="50" t="s">
        <v>18</v>
      </c>
      <c r="D45" s="7" t="s">
        <v>27</v>
      </c>
      <c r="E45" s="68">
        <v>183.54</v>
      </c>
      <c r="F45" s="68">
        <v>182.89</v>
      </c>
      <c r="G45" s="68">
        <v>34140</v>
      </c>
      <c r="H45" s="19">
        <v>0</v>
      </c>
      <c r="I45" s="19">
        <v>0</v>
      </c>
      <c r="J45" s="19">
        <v>0</v>
      </c>
      <c r="K45" s="19">
        <v>0</v>
      </c>
      <c r="L45" s="19">
        <v>0</v>
      </c>
      <c r="M45" s="19">
        <v>0</v>
      </c>
      <c r="N45" s="19">
        <v>0</v>
      </c>
      <c r="O45" s="19">
        <v>0</v>
      </c>
      <c r="P45" s="19">
        <v>0</v>
      </c>
      <c r="Q45" s="19">
        <v>0.65</v>
      </c>
      <c r="R45" s="19">
        <v>0.65</v>
      </c>
    </row>
    <row r="46" spans="1:18" x14ac:dyDescent="0.15">
      <c r="A46" s="55" t="s">
        <v>5</v>
      </c>
      <c r="B46" s="30"/>
      <c r="C46" s="51" t="s">
        <v>18</v>
      </c>
      <c r="D46" s="33" t="s">
        <v>4</v>
      </c>
      <c r="E46" s="69">
        <v>2109.1800000000003</v>
      </c>
      <c r="F46" s="69">
        <v>874.43999999999994</v>
      </c>
      <c r="G46" s="69">
        <v>205342</v>
      </c>
      <c r="H46" s="34">
        <v>3.07</v>
      </c>
      <c r="I46" s="69">
        <v>1403</v>
      </c>
      <c r="J46" s="34">
        <v>53.72</v>
      </c>
      <c r="K46" s="69">
        <v>7230</v>
      </c>
      <c r="L46" s="34">
        <v>0</v>
      </c>
      <c r="M46" s="34">
        <v>0</v>
      </c>
      <c r="N46" s="69">
        <v>1121.6600000000001</v>
      </c>
      <c r="O46" s="69">
        <v>124908</v>
      </c>
      <c r="P46" s="34">
        <v>0</v>
      </c>
      <c r="Q46" s="34">
        <v>56.29</v>
      </c>
      <c r="R46" s="34">
        <v>56.29</v>
      </c>
    </row>
    <row r="47" spans="1:18" x14ac:dyDescent="0.15">
      <c r="A47" s="55" t="s">
        <v>5</v>
      </c>
      <c r="B47" s="30"/>
      <c r="C47" s="52" t="s">
        <v>19</v>
      </c>
      <c r="D47" s="35" t="s">
        <v>26</v>
      </c>
      <c r="E47" s="70">
        <v>440.55</v>
      </c>
      <c r="F47" s="70">
        <v>379.45</v>
      </c>
      <c r="G47" s="70">
        <v>112569</v>
      </c>
      <c r="H47" s="36">
        <v>0</v>
      </c>
      <c r="I47" s="36">
        <v>0</v>
      </c>
      <c r="J47" s="36">
        <v>1.04</v>
      </c>
      <c r="K47" s="36">
        <v>250</v>
      </c>
      <c r="L47" s="36">
        <v>0</v>
      </c>
      <c r="M47" s="36">
        <v>0</v>
      </c>
      <c r="N47" s="36">
        <v>11.99</v>
      </c>
      <c r="O47" s="70">
        <v>1255</v>
      </c>
      <c r="P47" s="36">
        <v>0</v>
      </c>
      <c r="Q47" s="36">
        <v>48.07</v>
      </c>
      <c r="R47" s="36">
        <v>48.07</v>
      </c>
    </row>
    <row r="48" spans="1:18" x14ac:dyDescent="0.15">
      <c r="A48" s="55" t="s">
        <v>5</v>
      </c>
      <c r="B48" s="30"/>
      <c r="C48" s="50" t="s">
        <v>19</v>
      </c>
      <c r="D48" s="7" t="s">
        <v>27</v>
      </c>
      <c r="E48" s="68">
        <v>176.64</v>
      </c>
      <c r="F48" s="68">
        <v>158.35</v>
      </c>
      <c r="G48" s="68">
        <v>33663</v>
      </c>
      <c r="H48" s="19">
        <v>0</v>
      </c>
      <c r="I48" s="19">
        <v>0</v>
      </c>
      <c r="J48" s="19">
        <v>0</v>
      </c>
      <c r="K48" s="19">
        <v>0</v>
      </c>
      <c r="L48" s="19">
        <v>0</v>
      </c>
      <c r="M48" s="19">
        <v>0</v>
      </c>
      <c r="N48" s="19">
        <v>0</v>
      </c>
      <c r="O48" s="19">
        <v>0</v>
      </c>
      <c r="P48" s="19">
        <v>0</v>
      </c>
      <c r="Q48" s="19">
        <v>18.29</v>
      </c>
      <c r="R48" s="19">
        <v>18.29</v>
      </c>
    </row>
    <row r="49" spans="1:18" x14ac:dyDescent="0.15">
      <c r="A49" s="55" t="s">
        <v>5</v>
      </c>
      <c r="B49" s="30"/>
      <c r="C49" s="53" t="s">
        <v>19</v>
      </c>
      <c r="D49" s="27" t="s">
        <v>4</v>
      </c>
      <c r="E49" s="71">
        <v>617.18999999999994</v>
      </c>
      <c r="F49" s="71">
        <v>537.79999999999995</v>
      </c>
      <c r="G49" s="71">
        <v>146232</v>
      </c>
      <c r="H49" s="28">
        <v>0</v>
      </c>
      <c r="I49" s="28">
        <v>0</v>
      </c>
      <c r="J49" s="28">
        <v>1.04</v>
      </c>
      <c r="K49" s="28">
        <v>250</v>
      </c>
      <c r="L49" s="28">
        <v>0</v>
      </c>
      <c r="M49" s="28">
        <v>0</v>
      </c>
      <c r="N49" s="28">
        <v>11.99</v>
      </c>
      <c r="O49" s="71">
        <v>1255</v>
      </c>
      <c r="P49" s="28">
        <v>0</v>
      </c>
      <c r="Q49" s="28">
        <v>66.36</v>
      </c>
      <c r="R49" s="28">
        <v>66.36</v>
      </c>
    </row>
    <row r="50" spans="1:18" x14ac:dyDescent="0.15">
      <c r="A50" s="55" t="s">
        <v>5</v>
      </c>
      <c r="B50" s="54" t="s">
        <v>8</v>
      </c>
      <c r="C50" s="54" t="s">
        <v>8</v>
      </c>
      <c r="D50" s="7" t="s">
        <v>26</v>
      </c>
      <c r="E50" s="68">
        <v>4973.2700000000004</v>
      </c>
      <c r="F50" s="68">
        <v>2620.8199999999997</v>
      </c>
      <c r="G50" s="68">
        <v>622701</v>
      </c>
      <c r="H50" s="19">
        <v>6.27</v>
      </c>
      <c r="I50" s="68">
        <v>2120</v>
      </c>
      <c r="J50" s="19">
        <v>71.58</v>
      </c>
      <c r="K50" s="68">
        <v>10828</v>
      </c>
      <c r="L50" s="19">
        <v>0</v>
      </c>
      <c r="M50" s="19">
        <v>0</v>
      </c>
      <c r="N50" s="68">
        <v>2090.1899999999996</v>
      </c>
      <c r="O50" s="68">
        <v>255775</v>
      </c>
      <c r="P50" s="19">
        <v>0</v>
      </c>
      <c r="Q50" s="19">
        <v>184.41</v>
      </c>
      <c r="R50" s="19">
        <v>184.41</v>
      </c>
    </row>
    <row r="51" spans="1:18" x14ac:dyDescent="0.15">
      <c r="A51" s="55" t="s">
        <v>5</v>
      </c>
      <c r="B51" s="44" t="s">
        <v>8</v>
      </c>
      <c r="C51" s="44" t="s">
        <v>8</v>
      </c>
      <c r="D51" s="7" t="s">
        <v>27</v>
      </c>
      <c r="E51" s="68">
        <v>943.75</v>
      </c>
      <c r="F51" s="68">
        <v>904.22</v>
      </c>
      <c r="G51" s="68">
        <v>177812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  <c r="M51" s="19">
        <v>0</v>
      </c>
      <c r="N51" s="19">
        <v>0</v>
      </c>
      <c r="O51" s="19">
        <v>0</v>
      </c>
      <c r="P51" s="19">
        <v>0</v>
      </c>
      <c r="Q51" s="19">
        <v>39.53</v>
      </c>
      <c r="R51" s="19">
        <v>39.53</v>
      </c>
    </row>
    <row r="52" spans="1:18" x14ac:dyDescent="0.15">
      <c r="A52" s="55" t="s">
        <v>5</v>
      </c>
      <c r="B52" s="46" t="s">
        <v>8</v>
      </c>
      <c r="C52" s="46" t="s">
        <v>8</v>
      </c>
      <c r="D52" s="27" t="s">
        <v>4</v>
      </c>
      <c r="E52" s="71">
        <v>5917.02</v>
      </c>
      <c r="F52" s="71">
        <v>3525.04</v>
      </c>
      <c r="G52" s="71">
        <v>800513</v>
      </c>
      <c r="H52" s="28">
        <v>6.27</v>
      </c>
      <c r="I52" s="71">
        <v>2120</v>
      </c>
      <c r="J52" s="28">
        <v>71.58</v>
      </c>
      <c r="K52" s="71">
        <v>10828</v>
      </c>
      <c r="L52" s="28">
        <v>0</v>
      </c>
      <c r="M52" s="28">
        <v>0</v>
      </c>
      <c r="N52" s="71">
        <v>2090.1899999999996</v>
      </c>
      <c r="O52" s="71">
        <v>255775</v>
      </c>
      <c r="P52" s="28">
        <v>0</v>
      </c>
      <c r="Q52" s="28">
        <v>223.94</v>
      </c>
      <c r="R52" s="28">
        <v>223.94</v>
      </c>
    </row>
    <row r="53" spans="1:18" x14ac:dyDescent="0.15">
      <c r="A53" s="55" t="s">
        <v>5</v>
      </c>
      <c r="B53" s="41" t="s">
        <v>20</v>
      </c>
      <c r="C53" s="42" t="s">
        <v>20</v>
      </c>
      <c r="D53" s="6" t="s">
        <v>26</v>
      </c>
      <c r="E53" s="67">
        <v>257.56</v>
      </c>
      <c r="F53" s="67">
        <v>224.06</v>
      </c>
      <c r="G53" s="67">
        <v>56347</v>
      </c>
      <c r="H53" s="18">
        <v>0</v>
      </c>
      <c r="I53" s="18">
        <v>0</v>
      </c>
      <c r="J53" s="18">
        <v>0.5</v>
      </c>
      <c r="K53" s="18">
        <v>151</v>
      </c>
      <c r="L53" s="18">
        <v>0</v>
      </c>
      <c r="M53" s="18">
        <v>0</v>
      </c>
      <c r="N53" s="67">
        <v>23.13</v>
      </c>
      <c r="O53" s="67">
        <v>3087</v>
      </c>
      <c r="P53" s="18">
        <v>0</v>
      </c>
      <c r="Q53" s="18">
        <v>9.8699999999999992</v>
      </c>
      <c r="R53" s="18">
        <v>9.8699999999999992</v>
      </c>
    </row>
    <row r="54" spans="1:18" x14ac:dyDescent="0.15">
      <c r="A54" s="55" t="s">
        <v>5</v>
      </c>
      <c r="B54" s="43"/>
      <c r="C54" s="44" t="s">
        <v>20</v>
      </c>
      <c r="D54" s="7" t="s">
        <v>27</v>
      </c>
      <c r="E54" s="68">
        <v>754.65</v>
      </c>
      <c r="F54" s="68">
        <v>736.93</v>
      </c>
      <c r="G54" s="68">
        <v>150455</v>
      </c>
      <c r="H54" s="19">
        <v>0</v>
      </c>
      <c r="I54" s="19">
        <v>0</v>
      </c>
      <c r="J54" s="19">
        <v>0</v>
      </c>
      <c r="K54" s="19">
        <v>0</v>
      </c>
      <c r="L54" s="19">
        <v>0</v>
      </c>
      <c r="M54" s="19">
        <v>0</v>
      </c>
      <c r="N54" s="19">
        <v>0</v>
      </c>
      <c r="O54" s="19">
        <v>0</v>
      </c>
      <c r="P54" s="19">
        <v>0</v>
      </c>
      <c r="Q54" s="19">
        <v>17.72</v>
      </c>
      <c r="R54" s="19">
        <v>17.72</v>
      </c>
    </row>
    <row r="55" spans="1:18" x14ac:dyDescent="0.15">
      <c r="A55" s="55" t="s">
        <v>5</v>
      </c>
      <c r="B55" s="45"/>
      <c r="C55" s="46" t="s">
        <v>20</v>
      </c>
      <c r="D55" s="7" t="s">
        <v>4</v>
      </c>
      <c r="E55" s="68">
        <v>1012.21</v>
      </c>
      <c r="F55" s="68">
        <v>960.99</v>
      </c>
      <c r="G55" s="68">
        <v>206802</v>
      </c>
      <c r="H55" s="19">
        <v>0</v>
      </c>
      <c r="I55" s="19">
        <v>0</v>
      </c>
      <c r="J55" s="19">
        <v>0.5</v>
      </c>
      <c r="K55" s="19">
        <v>151</v>
      </c>
      <c r="L55" s="19">
        <v>0</v>
      </c>
      <c r="M55" s="19">
        <v>0</v>
      </c>
      <c r="N55" s="68">
        <v>23.13</v>
      </c>
      <c r="O55" s="68">
        <v>3087</v>
      </c>
      <c r="P55" s="19">
        <v>0</v>
      </c>
      <c r="Q55" s="19">
        <v>27.589999999999996</v>
      </c>
      <c r="R55" s="19">
        <v>27.589999999999996</v>
      </c>
    </row>
    <row r="56" spans="1:18" x14ac:dyDescent="0.15">
      <c r="A56" s="85"/>
      <c r="B56" s="56" t="s">
        <v>4</v>
      </c>
      <c r="C56" s="44" t="s">
        <v>4</v>
      </c>
      <c r="D56" s="6" t="s">
        <v>26</v>
      </c>
      <c r="E56" s="67">
        <v>5958.8600000000006</v>
      </c>
      <c r="F56" s="67">
        <v>3298.8399999999997</v>
      </c>
      <c r="G56" s="67">
        <v>800969</v>
      </c>
      <c r="H56" s="18">
        <v>6.27</v>
      </c>
      <c r="I56" s="67">
        <v>2120</v>
      </c>
      <c r="J56" s="18">
        <v>87.36</v>
      </c>
      <c r="K56" s="67">
        <v>14066</v>
      </c>
      <c r="L56" s="18">
        <v>0</v>
      </c>
      <c r="M56" s="18">
        <v>0</v>
      </c>
      <c r="N56" s="67">
        <v>2327.64</v>
      </c>
      <c r="O56" s="67">
        <v>283832</v>
      </c>
      <c r="P56" s="18">
        <v>0</v>
      </c>
      <c r="Q56" s="18">
        <v>238.75</v>
      </c>
      <c r="R56" s="18">
        <v>238.75</v>
      </c>
    </row>
    <row r="57" spans="1:18" x14ac:dyDescent="0.15">
      <c r="A57" s="85"/>
      <c r="B57" s="56"/>
      <c r="C57" s="44" t="s">
        <v>4</v>
      </c>
      <c r="D57" s="7" t="s">
        <v>27</v>
      </c>
      <c r="E57" s="68">
        <v>1916.3000000000002</v>
      </c>
      <c r="F57" s="68">
        <v>1835.5700000000002</v>
      </c>
      <c r="G57" s="68">
        <v>36632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0</v>
      </c>
      <c r="N57" s="19">
        <v>0</v>
      </c>
      <c r="O57" s="19">
        <v>0</v>
      </c>
      <c r="P57" s="19">
        <v>0</v>
      </c>
      <c r="Q57" s="19">
        <v>80.72999999999999</v>
      </c>
      <c r="R57" s="19">
        <v>80.72999999999999</v>
      </c>
    </row>
    <row r="58" spans="1:18" x14ac:dyDescent="0.15">
      <c r="A58" s="86"/>
      <c r="B58" s="57"/>
      <c r="C58" s="44" t="s">
        <v>4</v>
      </c>
      <c r="D58" s="4" t="s">
        <v>4</v>
      </c>
      <c r="E58" s="73">
        <v>7875.1600000000008</v>
      </c>
      <c r="F58" s="73">
        <v>5134.41</v>
      </c>
      <c r="G58" s="73">
        <v>1167289</v>
      </c>
      <c r="H58" s="20">
        <v>6.27</v>
      </c>
      <c r="I58" s="73">
        <v>2120</v>
      </c>
      <c r="J58" s="20">
        <v>87.36</v>
      </c>
      <c r="K58" s="73">
        <v>14066</v>
      </c>
      <c r="L58" s="20">
        <v>0</v>
      </c>
      <c r="M58" s="20">
        <v>0</v>
      </c>
      <c r="N58" s="73">
        <v>2327.64</v>
      </c>
      <c r="O58" s="73">
        <v>283832</v>
      </c>
      <c r="P58" s="20">
        <v>0</v>
      </c>
      <c r="Q58" s="20">
        <v>319.47999999999996</v>
      </c>
      <c r="R58" s="20">
        <v>319.47999999999996</v>
      </c>
    </row>
    <row r="59" spans="1:18" ht="13.5" customHeight="1" x14ac:dyDescent="0.15">
      <c r="A59" s="59" t="s">
        <v>6</v>
      </c>
      <c r="B59" s="41" t="s">
        <v>21</v>
      </c>
      <c r="C59" s="42" t="s">
        <v>36</v>
      </c>
      <c r="D59" s="6" t="s">
        <v>26</v>
      </c>
      <c r="E59" s="18">
        <v>0</v>
      </c>
      <c r="F59" s="18">
        <v>0</v>
      </c>
      <c r="G59" s="18">
        <v>0</v>
      </c>
      <c r="H59" s="18">
        <v>0</v>
      </c>
      <c r="I59" s="18">
        <v>0</v>
      </c>
      <c r="J59" s="18">
        <v>0</v>
      </c>
      <c r="K59" s="18">
        <v>0</v>
      </c>
      <c r="L59" s="18">
        <v>0</v>
      </c>
      <c r="M59" s="18">
        <v>0</v>
      </c>
      <c r="N59" s="18">
        <v>0</v>
      </c>
      <c r="O59" s="18">
        <v>0</v>
      </c>
      <c r="P59" s="18">
        <v>0</v>
      </c>
      <c r="Q59" s="18">
        <v>0</v>
      </c>
      <c r="R59" s="18">
        <v>0</v>
      </c>
    </row>
    <row r="60" spans="1:18" x14ac:dyDescent="0.15">
      <c r="A60" s="59" t="s">
        <v>6</v>
      </c>
      <c r="B60" s="43"/>
      <c r="C60" s="44" t="s">
        <v>36</v>
      </c>
      <c r="D60" s="7" t="s">
        <v>27</v>
      </c>
      <c r="E60" s="19">
        <v>165.76999999999998</v>
      </c>
      <c r="F60" s="19">
        <v>156.32</v>
      </c>
      <c r="G60" s="68">
        <v>27021</v>
      </c>
      <c r="H60" s="19">
        <v>0</v>
      </c>
      <c r="I60" s="19">
        <v>0</v>
      </c>
      <c r="J60" s="19">
        <v>0</v>
      </c>
      <c r="K60" s="19">
        <v>0</v>
      </c>
      <c r="L60" s="19">
        <v>0</v>
      </c>
      <c r="M60" s="19">
        <v>0</v>
      </c>
      <c r="N60" s="19">
        <v>0</v>
      </c>
      <c r="O60" s="19">
        <v>0</v>
      </c>
      <c r="P60" s="19">
        <v>0</v>
      </c>
      <c r="Q60" s="19">
        <v>9.4499999999999993</v>
      </c>
      <c r="R60" s="19">
        <v>9.4499999999999993</v>
      </c>
    </row>
    <row r="61" spans="1:18" x14ac:dyDescent="0.15">
      <c r="A61" s="59" t="s">
        <v>6</v>
      </c>
      <c r="B61" s="60"/>
      <c r="C61" s="61" t="s">
        <v>36</v>
      </c>
      <c r="D61" s="33" t="s">
        <v>4</v>
      </c>
      <c r="E61" s="34">
        <v>165.76999999999998</v>
      </c>
      <c r="F61" s="34">
        <v>156.32</v>
      </c>
      <c r="G61" s="69">
        <v>27021</v>
      </c>
      <c r="H61" s="34">
        <v>0</v>
      </c>
      <c r="I61" s="34">
        <v>0</v>
      </c>
      <c r="J61" s="34">
        <v>0</v>
      </c>
      <c r="K61" s="34">
        <v>0</v>
      </c>
      <c r="L61" s="34">
        <v>0</v>
      </c>
      <c r="M61" s="34">
        <v>0</v>
      </c>
      <c r="N61" s="34">
        <v>0</v>
      </c>
      <c r="O61" s="34">
        <v>0</v>
      </c>
      <c r="P61" s="34">
        <v>0</v>
      </c>
      <c r="Q61" s="34">
        <v>9.4499999999999993</v>
      </c>
      <c r="R61" s="34">
        <v>9.4499999999999993</v>
      </c>
    </row>
    <row r="62" spans="1:18" x14ac:dyDescent="0.15">
      <c r="A62" s="59" t="s">
        <v>6</v>
      </c>
      <c r="B62" s="62" t="s">
        <v>30</v>
      </c>
      <c r="C62" s="63" t="s">
        <v>30</v>
      </c>
      <c r="D62" s="35" t="s">
        <v>26</v>
      </c>
      <c r="E62" s="36">
        <v>0</v>
      </c>
      <c r="F62" s="36">
        <v>0</v>
      </c>
      <c r="G62" s="36">
        <v>0</v>
      </c>
      <c r="H62" s="36">
        <v>0</v>
      </c>
      <c r="I62" s="36">
        <v>0</v>
      </c>
      <c r="J62" s="36">
        <v>0</v>
      </c>
      <c r="K62" s="36">
        <v>0</v>
      </c>
      <c r="L62" s="36">
        <v>0</v>
      </c>
      <c r="M62" s="36">
        <v>0</v>
      </c>
      <c r="N62" s="36">
        <v>0</v>
      </c>
      <c r="O62" s="36">
        <v>0</v>
      </c>
      <c r="P62" s="36">
        <v>0</v>
      </c>
      <c r="Q62" s="36">
        <v>0</v>
      </c>
      <c r="R62" s="36">
        <v>0</v>
      </c>
    </row>
    <row r="63" spans="1:18" x14ac:dyDescent="0.15">
      <c r="A63" s="59" t="s">
        <v>6</v>
      </c>
      <c r="B63" s="43"/>
      <c r="C63" s="44" t="s">
        <v>30</v>
      </c>
      <c r="D63" s="7" t="s">
        <v>27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</row>
    <row r="64" spans="1:18" x14ac:dyDescent="0.15">
      <c r="A64" s="59" t="s">
        <v>6</v>
      </c>
      <c r="B64" s="60"/>
      <c r="C64" s="61" t="s">
        <v>30</v>
      </c>
      <c r="D64" s="33" t="s">
        <v>4</v>
      </c>
      <c r="E64" s="34">
        <v>0</v>
      </c>
      <c r="F64" s="34">
        <v>0</v>
      </c>
      <c r="G64" s="34">
        <v>0</v>
      </c>
      <c r="H64" s="34">
        <v>0</v>
      </c>
      <c r="I64" s="34">
        <v>0</v>
      </c>
      <c r="J64" s="34">
        <v>0</v>
      </c>
      <c r="K64" s="34">
        <v>0</v>
      </c>
      <c r="L64" s="34">
        <v>0</v>
      </c>
      <c r="M64" s="34">
        <v>0</v>
      </c>
      <c r="N64" s="34">
        <v>0</v>
      </c>
      <c r="O64" s="34">
        <v>0</v>
      </c>
      <c r="P64" s="34">
        <v>0</v>
      </c>
      <c r="Q64" s="34">
        <v>0</v>
      </c>
      <c r="R64" s="34">
        <v>0</v>
      </c>
    </row>
    <row r="65" spans="1:18" x14ac:dyDescent="0.15">
      <c r="A65" s="59" t="s">
        <v>6</v>
      </c>
      <c r="B65" s="62" t="s">
        <v>32</v>
      </c>
      <c r="C65" s="63" t="s">
        <v>32</v>
      </c>
      <c r="D65" s="35" t="s">
        <v>26</v>
      </c>
      <c r="E65" s="36">
        <v>0</v>
      </c>
      <c r="F65" s="36">
        <v>0</v>
      </c>
      <c r="G65" s="36">
        <v>0</v>
      </c>
      <c r="H65" s="36">
        <v>0</v>
      </c>
      <c r="I65" s="36">
        <v>0</v>
      </c>
      <c r="J65" s="36">
        <v>0</v>
      </c>
      <c r="K65" s="36">
        <v>0</v>
      </c>
      <c r="L65" s="36">
        <v>0</v>
      </c>
      <c r="M65" s="36">
        <v>0</v>
      </c>
      <c r="N65" s="36">
        <v>0</v>
      </c>
      <c r="O65" s="36">
        <v>0</v>
      </c>
      <c r="P65" s="36">
        <v>0</v>
      </c>
      <c r="Q65" s="36">
        <v>0</v>
      </c>
      <c r="R65" s="36">
        <v>0</v>
      </c>
    </row>
    <row r="66" spans="1:18" x14ac:dyDescent="0.15">
      <c r="A66" s="59" t="s">
        <v>6</v>
      </c>
      <c r="B66" s="43"/>
      <c r="C66" s="44" t="s">
        <v>32</v>
      </c>
      <c r="D66" s="7" t="s">
        <v>27</v>
      </c>
      <c r="E66" s="19">
        <v>65.2</v>
      </c>
      <c r="F66" s="19">
        <v>64.900000000000006</v>
      </c>
      <c r="G66" s="68">
        <v>7534</v>
      </c>
      <c r="H66" s="19">
        <v>0</v>
      </c>
      <c r="I66" s="19">
        <v>0</v>
      </c>
      <c r="J66" s="19">
        <v>0</v>
      </c>
      <c r="K66" s="19">
        <v>0</v>
      </c>
      <c r="L66" s="19">
        <v>0</v>
      </c>
      <c r="M66" s="19">
        <v>0</v>
      </c>
      <c r="N66" s="19">
        <v>0</v>
      </c>
      <c r="O66" s="19">
        <v>0</v>
      </c>
      <c r="P66" s="19">
        <v>0</v>
      </c>
      <c r="Q66" s="19">
        <v>0.3</v>
      </c>
      <c r="R66" s="19">
        <v>0.3</v>
      </c>
    </row>
    <row r="67" spans="1:18" x14ac:dyDescent="0.15">
      <c r="A67" s="59" t="s">
        <v>6</v>
      </c>
      <c r="B67" s="60"/>
      <c r="C67" s="61" t="s">
        <v>32</v>
      </c>
      <c r="D67" s="33" t="s">
        <v>4</v>
      </c>
      <c r="E67" s="34">
        <v>65.2</v>
      </c>
      <c r="F67" s="34">
        <v>64.900000000000006</v>
      </c>
      <c r="G67" s="69">
        <v>7534</v>
      </c>
      <c r="H67" s="34">
        <v>0</v>
      </c>
      <c r="I67" s="34">
        <v>0</v>
      </c>
      <c r="J67" s="34">
        <v>0</v>
      </c>
      <c r="K67" s="34">
        <v>0</v>
      </c>
      <c r="L67" s="34">
        <v>0</v>
      </c>
      <c r="M67" s="34">
        <v>0</v>
      </c>
      <c r="N67" s="34">
        <v>0</v>
      </c>
      <c r="O67" s="34">
        <v>0</v>
      </c>
      <c r="P67" s="34">
        <v>0</v>
      </c>
      <c r="Q67" s="34">
        <v>0.3</v>
      </c>
      <c r="R67" s="34">
        <v>0.3</v>
      </c>
    </row>
    <row r="68" spans="1:18" x14ac:dyDescent="0.15">
      <c r="A68" s="59" t="s">
        <v>6</v>
      </c>
      <c r="B68" s="43" t="s">
        <v>31</v>
      </c>
      <c r="C68" s="44" t="s">
        <v>31</v>
      </c>
      <c r="D68" s="7" t="s">
        <v>26</v>
      </c>
      <c r="E68" s="19">
        <v>0</v>
      </c>
      <c r="F68" s="19">
        <v>0</v>
      </c>
      <c r="G68" s="19">
        <v>0</v>
      </c>
      <c r="H68" s="19">
        <v>0</v>
      </c>
      <c r="I68" s="19">
        <v>0</v>
      </c>
      <c r="J68" s="19">
        <v>0</v>
      </c>
      <c r="K68" s="19">
        <v>0</v>
      </c>
      <c r="L68" s="19">
        <v>0</v>
      </c>
      <c r="M68" s="19">
        <v>0</v>
      </c>
      <c r="N68" s="19">
        <v>0</v>
      </c>
      <c r="O68" s="19">
        <v>0</v>
      </c>
      <c r="P68" s="19">
        <v>0</v>
      </c>
      <c r="Q68" s="19">
        <v>0</v>
      </c>
      <c r="R68" s="19">
        <v>0</v>
      </c>
    </row>
    <row r="69" spans="1:18" x14ac:dyDescent="0.15">
      <c r="A69" s="59" t="s">
        <v>6</v>
      </c>
      <c r="B69" s="43"/>
      <c r="C69" s="44" t="s">
        <v>31</v>
      </c>
      <c r="D69" s="7" t="s">
        <v>27</v>
      </c>
      <c r="E69" s="19">
        <v>0</v>
      </c>
      <c r="F69" s="19">
        <v>0</v>
      </c>
      <c r="G69" s="19">
        <v>0</v>
      </c>
      <c r="H69" s="19">
        <v>0</v>
      </c>
      <c r="I69" s="19">
        <v>0</v>
      </c>
      <c r="J69" s="19">
        <v>0</v>
      </c>
      <c r="K69" s="19">
        <v>0</v>
      </c>
      <c r="L69" s="19">
        <v>0</v>
      </c>
      <c r="M69" s="19">
        <v>0</v>
      </c>
      <c r="N69" s="19">
        <v>0</v>
      </c>
      <c r="O69" s="19">
        <v>0</v>
      </c>
      <c r="P69" s="19">
        <v>0</v>
      </c>
      <c r="Q69" s="19">
        <v>0</v>
      </c>
      <c r="R69" s="19">
        <v>0</v>
      </c>
    </row>
    <row r="70" spans="1:18" x14ac:dyDescent="0.15">
      <c r="A70" s="59" t="s">
        <v>6</v>
      </c>
      <c r="B70" s="45"/>
      <c r="C70" s="46" t="s">
        <v>31</v>
      </c>
      <c r="D70" s="4" t="s">
        <v>4</v>
      </c>
      <c r="E70" s="20">
        <v>0</v>
      </c>
      <c r="F70" s="20">
        <v>0</v>
      </c>
      <c r="G70" s="20">
        <v>0</v>
      </c>
      <c r="H70" s="20">
        <v>0</v>
      </c>
      <c r="I70" s="20">
        <v>0</v>
      </c>
      <c r="J70" s="20">
        <v>0</v>
      </c>
      <c r="K70" s="20">
        <v>0</v>
      </c>
      <c r="L70" s="20">
        <v>0</v>
      </c>
      <c r="M70" s="20">
        <v>0</v>
      </c>
      <c r="N70" s="20">
        <v>0</v>
      </c>
      <c r="O70" s="20">
        <v>0</v>
      </c>
      <c r="P70" s="20">
        <v>0</v>
      </c>
      <c r="Q70" s="20">
        <v>0</v>
      </c>
      <c r="R70" s="20">
        <v>0</v>
      </c>
    </row>
    <row r="71" spans="1:18" x14ac:dyDescent="0.15">
      <c r="A71" s="47"/>
      <c r="B71" s="44" t="s">
        <v>4</v>
      </c>
      <c r="C71" s="44" t="s">
        <v>4</v>
      </c>
      <c r="D71" s="7" t="s">
        <v>26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  <c r="M71" s="19">
        <v>0</v>
      </c>
      <c r="N71" s="19">
        <v>0</v>
      </c>
      <c r="O71" s="19">
        <v>0</v>
      </c>
      <c r="P71" s="19">
        <v>0</v>
      </c>
      <c r="Q71" s="19">
        <v>0</v>
      </c>
      <c r="R71" s="19">
        <v>0</v>
      </c>
    </row>
    <row r="72" spans="1:18" x14ac:dyDescent="0.15">
      <c r="A72" s="47"/>
      <c r="B72" s="44" t="s">
        <v>4</v>
      </c>
      <c r="C72" s="44" t="s">
        <v>4</v>
      </c>
      <c r="D72" s="7" t="s">
        <v>27</v>
      </c>
      <c r="E72" s="68">
        <v>230.96999999999997</v>
      </c>
      <c r="F72" s="68">
        <v>221.22</v>
      </c>
      <c r="G72" s="68">
        <v>34555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0</v>
      </c>
      <c r="N72" s="19">
        <v>0</v>
      </c>
      <c r="O72" s="19">
        <v>0</v>
      </c>
      <c r="P72" s="19">
        <v>0</v>
      </c>
      <c r="Q72" s="19">
        <v>9.75</v>
      </c>
      <c r="R72" s="19">
        <v>9.75</v>
      </c>
    </row>
    <row r="73" spans="1:18" x14ac:dyDescent="0.15">
      <c r="A73" s="48"/>
      <c r="B73" s="44" t="s">
        <v>4</v>
      </c>
      <c r="C73" s="44" t="s">
        <v>4</v>
      </c>
      <c r="D73" s="4" t="s">
        <v>4</v>
      </c>
      <c r="E73" s="73">
        <v>230.96999999999997</v>
      </c>
      <c r="F73" s="73">
        <v>221.22</v>
      </c>
      <c r="G73" s="73">
        <v>34555</v>
      </c>
      <c r="H73" s="20">
        <v>0</v>
      </c>
      <c r="I73" s="20">
        <v>0</v>
      </c>
      <c r="J73" s="20">
        <v>0</v>
      </c>
      <c r="K73" s="20">
        <v>0</v>
      </c>
      <c r="L73" s="20">
        <v>0</v>
      </c>
      <c r="M73" s="20">
        <v>0</v>
      </c>
      <c r="N73" s="20">
        <v>0</v>
      </c>
      <c r="O73" s="20">
        <v>0</v>
      </c>
      <c r="P73" s="20">
        <v>0</v>
      </c>
      <c r="Q73" s="20">
        <v>9.75</v>
      </c>
      <c r="R73" s="20">
        <v>9.75</v>
      </c>
    </row>
    <row r="74" spans="1:18" ht="13.5" customHeight="1" x14ac:dyDescent="0.15">
      <c r="A74" s="59" t="s">
        <v>28</v>
      </c>
      <c r="B74" s="41" t="s">
        <v>22</v>
      </c>
      <c r="C74" s="42" t="s">
        <v>22</v>
      </c>
      <c r="D74" s="6" t="s">
        <v>26</v>
      </c>
      <c r="E74" s="67">
        <v>2454.7999999999997</v>
      </c>
      <c r="F74" s="67">
        <v>820.2</v>
      </c>
      <c r="G74" s="67">
        <v>210631</v>
      </c>
      <c r="H74" s="18">
        <v>0</v>
      </c>
      <c r="I74" s="18">
        <v>0</v>
      </c>
      <c r="J74" s="18">
        <v>42.26</v>
      </c>
      <c r="K74" s="67">
        <v>6429</v>
      </c>
      <c r="L74" s="18">
        <v>0</v>
      </c>
      <c r="M74" s="18">
        <v>0</v>
      </c>
      <c r="N74" s="67">
        <v>1553.99</v>
      </c>
      <c r="O74" s="67">
        <v>255843</v>
      </c>
      <c r="P74" s="18">
        <v>0</v>
      </c>
      <c r="Q74" s="18">
        <v>38.35</v>
      </c>
      <c r="R74" s="18">
        <v>38.35</v>
      </c>
    </row>
    <row r="75" spans="1:18" x14ac:dyDescent="0.15">
      <c r="A75" s="59" t="s">
        <v>28</v>
      </c>
      <c r="B75" s="43"/>
      <c r="C75" s="44" t="s">
        <v>22</v>
      </c>
      <c r="D75" s="7" t="s">
        <v>27</v>
      </c>
      <c r="E75" s="68">
        <v>135.86000000000001</v>
      </c>
      <c r="F75" s="68">
        <v>124.51</v>
      </c>
      <c r="G75" s="68">
        <v>22863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  <c r="M75" s="19">
        <v>0</v>
      </c>
      <c r="N75" s="19">
        <v>0</v>
      </c>
      <c r="O75" s="19">
        <v>0</v>
      </c>
      <c r="P75" s="19">
        <v>0</v>
      </c>
      <c r="Q75" s="19">
        <v>11.35</v>
      </c>
      <c r="R75" s="19">
        <v>11.35</v>
      </c>
    </row>
    <row r="76" spans="1:18" x14ac:dyDescent="0.15">
      <c r="A76" s="59" t="s">
        <v>28</v>
      </c>
      <c r="B76" s="60"/>
      <c r="C76" s="61" t="s">
        <v>22</v>
      </c>
      <c r="D76" s="33" t="s">
        <v>4</v>
      </c>
      <c r="E76" s="69">
        <v>2590.66</v>
      </c>
      <c r="F76" s="69">
        <v>944.71</v>
      </c>
      <c r="G76" s="69">
        <v>233494</v>
      </c>
      <c r="H76" s="34">
        <v>0</v>
      </c>
      <c r="I76" s="34">
        <v>0</v>
      </c>
      <c r="J76" s="34">
        <v>42.26</v>
      </c>
      <c r="K76" s="69">
        <v>6429</v>
      </c>
      <c r="L76" s="34">
        <v>0</v>
      </c>
      <c r="M76" s="34">
        <v>0</v>
      </c>
      <c r="N76" s="69">
        <v>1553.99</v>
      </c>
      <c r="O76" s="69">
        <v>255843</v>
      </c>
      <c r="P76" s="34">
        <v>0</v>
      </c>
      <c r="Q76" s="34">
        <v>49.7</v>
      </c>
      <c r="R76" s="34">
        <v>49.7</v>
      </c>
    </row>
    <row r="77" spans="1:18" x14ac:dyDescent="0.15">
      <c r="A77" s="59" t="s">
        <v>28</v>
      </c>
      <c r="B77" s="62" t="s">
        <v>23</v>
      </c>
      <c r="C77" s="63" t="s">
        <v>23</v>
      </c>
      <c r="D77" s="35" t="s">
        <v>26</v>
      </c>
      <c r="E77" s="70">
        <v>3406.6400000000003</v>
      </c>
      <c r="F77" s="70">
        <v>2455.5700000000002</v>
      </c>
      <c r="G77" s="70">
        <v>624642</v>
      </c>
      <c r="H77" s="36">
        <v>0</v>
      </c>
      <c r="I77" s="36">
        <v>0</v>
      </c>
      <c r="J77" s="36">
        <v>128.84</v>
      </c>
      <c r="K77" s="70">
        <v>32183</v>
      </c>
      <c r="L77" s="36">
        <v>0</v>
      </c>
      <c r="M77" s="36">
        <v>0</v>
      </c>
      <c r="N77" s="36">
        <v>726.88</v>
      </c>
      <c r="O77" s="70">
        <v>138817</v>
      </c>
      <c r="P77" s="36">
        <v>0</v>
      </c>
      <c r="Q77" s="36">
        <v>95.35</v>
      </c>
      <c r="R77" s="36">
        <v>95.35</v>
      </c>
    </row>
    <row r="78" spans="1:18" x14ac:dyDescent="0.15">
      <c r="A78" s="59" t="s">
        <v>28</v>
      </c>
      <c r="B78" s="43"/>
      <c r="C78" s="44" t="s">
        <v>23</v>
      </c>
      <c r="D78" s="7" t="s">
        <v>27</v>
      </c>
      <c r="E78" s="19">
        <v>0</v>
      </c>
      <c r="F78" s="19">
        <v>0</v>
      </c>
      <c r="G78" s="19">
        <v>0</v>
      </c>
      <c r="H78" s="19">
        <v>0</v>
      </c>
      <c r="I78" s="19">
        <v>0</v>
      </c>
      <c r="J78" s="19">
        <v>0</v>
      </c>
      <c r="K78" s="19">
        <v>0</v>
      </c>
      <c r="L78" s="19">
        <v>0</v>
      </c>
      <c r="M78" s="19">
        <v>0</v>
      </c>
      <c r="N78" s="19">
        <v>0</v>
      </c>
      <c r="O78" s="19">
        <v>0</v>
      </c>
      <c r="P78" s="19">
        <v>0</v>
      </c>
      <c r="Q78" s="19">
        <v>0</v>
      </c>
      <c r="R78" s="19">
        <v>0</v>
      </c>
    </row>
    <row r="79" spans="1:18" x14ac:dyDescent="0.15">
      <c r="A79" s="59" t="s">
        <v>28</v>
      </c>
      <c r="B79" s="60"/>
      <c r="C79" s="61" t="s">
        <v>23</v>
      </c>
      <c r="D79" s="33" t="s">
        <v>4</v>
      </c>
      <c r="E79" s="69">
        <v>3406.6400000000003</v>
      </c>
      <c r="F79" s="69">
        <v>2455.5700000000002</v>
      </c>
      <c r="G79" s="69">
        <v>624642</v>
      </c>
      <c r="H79" s="34">
        <v>0</v>
      </c>
      <c r="I79" s="34">
        <v>0</v>
      </c>
      <c r="J79" s="34">
        <v>128.84</v>
      </c>
      <c r="K79" s="69">
        <v>32183</v>
      </c>
      <c r="L79" s="34">
        <v>0</v>
      </c>
      <c r="M79" s="34">
        <v>0</v>
      </c>
      <c r="N79" s="34">
        <v>726.88</v>
      </c>
      <c r="O79" s="34">
        <v>138817</v>
      </c>
      <c r="P79" s="34">
        <v>0</v>
      </c>
      <c r="Q79" s="34">
        <v>95.35</v>
      </c>
      <c r="R79" s="34">
        <v>95.35</v>
      </c>
    </row>
    <row r="80" spans="1:18" x14ac:dyDescent="0.15">
      <c r="A80" s="59" t="s">
        <v>28</v>
      </c>
      <c r="B80" s="43" t="s">
        <v>24</v>
      </c>
      <c r="C80" s="44" t="s">
        <v>37</v>
      </c>
      <c r="D80" s="7" t="s">
        <v>26</v>
      </c>
      <c r="E80" s="68">
        <v>6745.75</v>
      </c>
      <c r="F80" s="68">
        <v>3953.93</v>
      </c>
      <c r="G80" s="68">
        <v>1038443</v>
      </c>
      <c r="H80" s="19">
        <v>0</v>
      </c>
      <c r="I80" s="19">
        <v>0</v>
      </c>
      <c r="J80" s="19">
        <v>270.85000000000002</v>
      </c>
      <c r="K80" s="68">
        <v>58312</v>
      </c>
      <c r="L80" s="19">
        <v>0</v>
      </c>
      <c r="M80" s="19">
        <v>0</v>
      </c>
      <c r="N80" s="68">
        <v>2402.37</v>
      </c>
      <c r="O80" s="68">
        <v>349296</v>
      </c>
      <c r="P80" s="19">
        <v>2.36</v>
      </c>
      <c r="Q80" s="19">
        <v>116.24</v>
      </c>
      <c r="R80" s="19">
        <v>118.6</v>
      </c>
    </row>
    <row r="81" spans="1:18" x14ac:dyDescent="0.15">
      <c r="A81" s="59" t="s">
        <v>28</v>
      </c>
      <c r="B81" s="43"/>
      <c r="C81" s="44" t="s">
        <v>37</v>
      </c>
      <c r="D81" s="7" t="s">
        <v>27</v>
      </c>
      <c r="E81" s="68">
        <v>300.67</v>
      </c>
      <c r="F81" s="68">
        <v>291.82</v>
      </c>
      <c r="G81" s="68">
        <v>59594</v>
      </c>
      <c r="H81" s="19">
        <v>0</v>
      </c>
      <c r="I81" s="19">
        <v>0</v>
      </c>
      <c r="J81" s="19">
        <v>0</v>
      </c>
      <c r="K81" s="19">
        <v>0</v>
      </c>
      <c r="L81" s="19">
        <v>0</v>
      </c>
      <c r="M81" s="19">
        <v>0</v>
      </c>
      <c r="N81" s="19">
        <v>0</v>
      </c>
      <c r="O81" s="19">
        <v>0</v>
      </c>
      <c r="P81" s="19">
        <v>0</v>
      </c>
      <c r="Q81" s="19">
        <v>8.85</v>
      </c>
      <c r="R81" s="19">
        <v>8.85</v>
      </c>
    </row>
    <row r="82" spans="1:18" x14ac:dyDescent="0.15">
      <c r="A82" s="59" t="s">
        <v>28</v>
      </c>
      <c r="B82" s="45"/>
      <c r="C82" s="46" t="s">
        <v>37</v>
      </c>
      <c r="D82" s="4" t="s">
        <v>4</v>
      </c>
      <c r="E82" s="73">
        <v>7046.42</v>
      </c>
      <c r="F82" s="73">
        <v>4245.75</v>
      </c>
      <c r="G82" s="73">
        <v>1098037</v>
      </c>
      <c r="H82" s="20">
        <v>0</v>
      </c>
      <c r="I82" s="20">
        <v>0</v>
      </c>
      <c r="J82" s="20">
        <v>270.85000000000002</v>
      </c>
      <c r="K82" s="73">
        <v>58312</v>
      </c>
      <c r="L82" s="20">
        <v>0</v>
      </c>
      <c r="M82" s="20">
        <v>0</v>
      </c>
      <c r="N82" s="73">
        <v>2402.37</v>
      </c>
      <c r="O82" s="73">
        <v>349296</v>
      </c>
      <c r="P82" s="20">
        <v>2.36</v>
      </c>
      <c r="Q82" s="20">
        <v>125.08999999999999</v>
      </c>
      <c r="R82" s="20">
        <v>127.44999999999999</v>
      </c>
    </row>
    <row r="83" spans="1:18" x14ac:dyDescent="0.15">
      <c r="A83" s="47"/>
      <c r="B83" s="44" t="s">
        <v>4</v>
      </c>
      <c r="C83" s="44" t="s">
        <v>4</v>
      </c>
      <c r="D83" s="7" t="s">
        <v>26</v>
      </c>
      <c r="E83" s="68">
        <v>12607.19</v>
      </c>
      <c r="F83" s="68">
        <v>7229.7000000000007</v>
      </c>
      <c r="G83" s="68">
        <v>1873716</v>
      </c>
      <c r="H83" s="19">
        <v>0</v>
      </c>
      <c r="I83" s="19">
        <v>0</v>
      </c>
      <c r="J83" s="19">
        <v>441.95000000000005</v>
      </c>
      <c r="K83" s="68">
        <v>96924</v>
      </c>
      <c r="L83" s="19">
        <v>0</v>
      </c>
      <c r="M83" s="19">
        <v>0</v>
      </c>
      <c r="N83" s="68">
        <v>4683.24</v>
      </c>
      <c r="O83" s="68">
        <v>743956</v>
      </c>
      <c r="P83" s="19">
        <v>2.36</v>
      </c>
      <c r="Q83" s="19">
        <v>249.94</v>
      </c>
      <c r="R83" s="19">
        <v>252.3</v>
      </c>
    </row>
    <row r="84" spans="1:18" x14ac:dyDescent="0.15">
      <c r="A84" s="47"/>
      <c r="B84" s="44" t="s">
        <v>4</v>
      </c>
      <c r="C84" s="44" t="s">
        <v>4</v>
      </c>
      <c r="D84" s="7" t="s">
        <v>27</v>
      </c>
      <c r="E84" s="68">
        <v>436.53000000000003</v>
      </c>
      <c r="F84" s="68">
        <v>416.33</v>
      </c>
      <c r="G84" s="68">
        <v>82457</v>
      </c>
      <c r="H84" s="19">
        <v>0</v>
      </c>
      <c r="I84" s="19">
        <v>0</v>
      </c>
      <c r="J84" s="19">
        <v>0</v>
      </c>
      <c r="K84" s="19">
        <v>0</v>
      </c>
      <c r="L84" s="19">
        <v>0</v>
      </c>
      <c r="M84" s="19">
        <v>0</v>
      </c>
      <c r="N84" s="19">
        <v>0</v>
      </c>
      <c r="O84" s="19">
        <v>0</v>
      </c>
      <c r="P84" s="19">
        <v>0</v>
      </c>
      <c r="Q84" s="19">
        <v>20.2</v>
      </c>
      <c r="R84" s="19">
        <v>20.2</v>
      </c>
    </row>
    <row r="85" spans="1:18" x14ac:dyDescent="0.15">
      <c r="A85" s="48"/>
      <c r="B85" s="66" t="s">
        <v>4</v>
      </c>
      <c r="C85" s="46" t="s">
        <v>4</v>
      </c>
      <c r="D85" s="4" t="s">
        <v>4</v>
      </c>
      <c r="E85" s="73">
        <v>13043.720000000001</v>
      </c>
      <c r="F85" s="73">
        <v>7646.0300000000007</v>
      </c>
      <c r="G85" s="73">
        <v>1956173</v>
      </c>
      <c r="H85" s="20">
        <v>0</v>
      </c>
      <c r="I85" s="20">
        <v>0</v>
      </c>
      <c r="J85" s="20">
        <v>441.95000000000005</v>
      </c>
      <c r="K85" s="73">
        <v>96924</v>
      </c>
      <c r="L85" s="20">
        <v>0</v>
      </c>
      <c r="M85" s="20">
        <v>0</v>
      </c>
      <c r="N85" s="73">
        <v>4683.24</v>
      </c>
      <c r="O85" s="73">
        <v>743956</v>
      </c>
      <c r="P85" s="20">
        <v>2.36</v>
      </c>
      <c r="Q85" s="20">
        <v>270.14</v>
      </c>
      <c r="R85" s="20">
        <v>272.5</v>
      </c>
    </row>
    <row r="86" spans="1:18" x14ac:dyDescent="0.15">
      <c r="A86" s="8"/>
      <c r="B86" s="8"/>
      <c r="C86" s="9"/>
      <c r="D86" s="10"/>
      <c r="E86" s="21"/>
      <c r="F86" s="21"/>
      <c r="G86" s="21"/>
      <c r="H86" s="21"/>
      <c r="I86" s="21"/>
      <c r="J86" s="21"/>
      <c r="K86" s="21"/>
      <c r="L86" s="21"/>
      <c r="M86" s="21"/>
      <c r="N86" s="21"/>
      <c r="O86" s="74"/>
      <c r="P86" s="21"/>
      <c r="Q86" s="21"/>
      <c r="R86" s="21"/>
    </row>
    <row r="87" spans="1:18" s="1" customFormat="1" ht="12" x14ac:dyDescent="0.15">
      <c r="A87" s="64"/>
      <c r="B87" s="23"/>
      <c r="C87" s="23"/>
      <c r="D87" s="24"/>
      <c r="E87" s="24"/>
      <c r="F87" s="24"/>
      <c r="G87" s="24"/>
      <c r="H87" s="24"/>
      <c r="I87" s="24"/>
      <c r="J87" s="24"/>
      <c r="K87" s="24"/>
      <c r="L87" s="24"/>
      <c r="M87" s="24"/>
      <c r="N87" s="24"/>
      <c r="O87" s="24"/>
      <c r="P87" s="24"/>
      <c r="Q87" s="24"/>
    </row>
    <row r="88" spans="1:18" s="1" customFormat="1" ht="12" x14ac:dyDescent="0.15">
      <c r="A88" s="65"/>
      <c r="B88" s="25"/>
      <c r="C88" s="23"/>
      <c r="D88" s="24"/>
      <c r="E88" s="24"/>
      <c r="F88" s="24"/>
      <c r="G88" s="24"/>
      <c r="H88" s="24"/>
      <c r="I88" s="24"/>
      <c r="J88" s="24"/>
      <c r="K88" s="24"/>
      <c r="L88" s="24"/>
      <c r="M88" s="24"/>
      <c r="N88" s="24"/>
      <c r="O88" s="24"/>
      <c r="P88" s="24"/>
      <c r="Q88" s="24"/>
    </row>
    <row r="89" spans="1:18" s="1" customFormat="1" ht="12" x14ac:dyDescent="0.15">
      <c r="A89" s="25"/>
      <c r="B89" s="25"/>
      <c r="C89" s="23"/>
      <c r="D89" s="24"/>
      <c r="E89" s="24"/>
      <c r="F89" s="24"/>
      <c r="G89" s="24"/>
      <c r="H89" s="24"/>
      <c r="I89" s="24"/>
      <c r="J89" s="24"/>
      <c r="K89" s="24"/>
      <c r="L89" s="24"/>
      <c r="M89" s="24"/>
      <c r="N89" s="75"/>
      <c r="O89" s="24"/>
      <c r="P89" s="24"/>
      <c r="Q89" s="24"/>
    </row>
    <row r="90" spans="1:18" ht="17.25" x14ac:dyDescent="0.15">
      <c r="A90" s="14"/>
      <c r="B90" s="14"/>
      <c r="C90" s="9"/>
      <c r="D90" s="10"/>
      <c r="E90" s="21"/>
      <c r="F90" s="21"/>
      <c r="G90" s="21"/>
      <c r="H90" s="21"/>
      <c r="I90" s="21"/>
      <c r="J90" s="21"/>
      <c r="K90" s="21"/>
      <c r="L90" s="21"/>
      <c r="M90" s="21"/>
      <c r="N90" s="21"/>
      <c r="O90" s="21"/>
      <c r="P90" s="21"/>
      <c r="Q90" s="21"/>
      <c r="R90" s="21"/>
    </row>
    <row r="91" spans="1:18" s="12" customFormat="1" ht="21" x14ac:dyDescent="0.15">
      <c r="C91" s="13"/>
      <c r="D91" s="11"/>
      <c r="E91" s="22"/>
      <c r="F91" s="22"/>
      <c r="G91" s="22"/>
      <c r="H91" s="22"/>
      <c r="I91" s="22"/>
      <c r="J91" s="22"/>
      <c r="K91" s="22"/>
      <c r="L91" s="22"/>
      <c r="M91" s="22"/>
      <c r="N91" s="22"/>
      <c r="O91" s="22"/>
      <c r="P91" s="22"/>
      <c r="Q91" s="22"/>
      <c r="R91" s="22"/>
    </row>
    <row r="92" spans="1:18" s="12" customFormat="1" ht="21" x14ac:dyDescent="0.15">
      <c r="C92" s="13"/>
      <c r="D92" s="11"/>
      <c r="E92" s="22"/>
      <c r="F92" s="22"/>
      <c r="G92" s="22"/>
      <c r="H92" s="22"/>
      <c r="I92" s="22"/>
      <c r="J92" s="22"/>
      <c r="K92" s="22"/>
      <c r="L92" s="22"/>
      <c r="M92" s="22"/>
      <c r="N92" s="22"/>
      <c r="O92" s="22"/>
      <c r="P92" s="22"/>
      <c r="Q92" s="22"/>
      <c r="R92" s="22"/>
    </row>
    <row r="113" spans="3:5" x14ac:dyDescent="0.15">
      <c r="C113" s="2"/>
      <c r="D113" s="12"/>
      <c r="E113" s="2"/>
    </row>
    <row r="114" spans="3:5" x14ac:dyDescent="0.15">
      <c r="C114" s="2"/>
      <c r="D114" s="12"/>
      <c r="E114" s="2"/>
    </row>
    <row r="115" spans="3:5" x14ac:dyDescent="0.15">
      <c r="C115" s="2"/>
      <c r="D115" s="12"/>
      <c r="E115" s="2"/>
    </row>
    <row r="116" spans="3:5" x14ac:dyDescent="0.15">
      <c r="C116" s="2"/>
      <c r="D116" s="12"/>
      <c r="E116" s="2"/>
    </row>
  </sheetData>
  <mergeCells count="1">
    <mergeCell ref="A56:A58"/>
  </mergeCells>
  <phoneticPr fontId="2"/>
  <pageMargins left="0.70866141732283472" right="0.70866141732283472" top="1.1811023622047245" bottom="0.31496062992125984" header="0.94488188976377963" footer="0.35433070866141736"/>
  <pageSetup paperSize="9" scale="86" fitToWidth="2" fitToHeight="2" pageOrder="overThenDown" orientation="portrait" r:id="rId1"/>
  <headerFooter differentFirst="1" scaleWithDoc="0" alignWithMargins="0">
    <firstHeader>&amp;L&amp;"ＭＳ 明朝,標準"&amp;13　　&amp;12(2) 市町村別</firstHeader>
  </headerFooter>
  <colBreaks count="1" manualBreakCount="1">
    <brk id="10" max="120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(2)</vt:lpstr>
      <vt:lpstr>'5(2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林業管理課</dc:creator>
  <cp:lastModifiedBy>Windows ユーザー</cp:lastModifiedBy>
  <cp:lastPrinted>2018-09-14T02:20:56Z</cp:lastPrinted>
  <dcterms:created xsi:type="dcterms:W3CDTF">2002-11-14T10:10:20Z</dcterms:created>
  <dcterms:modified xsi:type="dcterms:W3CDTF">2019-08-28T00:51:32Z</dcterms:modified>
</cp:coreProperties>
</file>